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３　給付状況\ＸＬＳ\"/>
    </mc:Choice>
  </mc:AlternateContent>
  <bookViews>
    <workbookView xWindow="0" yWindow="0" windowWidth="20490" windowHeight="7185"/>
  </bookViews>
  <sheets>
    <sheet name="第15表１～５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'第15表１～５'!$A$1:$BW$4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7" uniqueCount="106">
  <si>
    <t>第１５表　保険給付状況（全被保険者分）－１</t>
    <rPh sb="12" eb="13">
      <t>ゼン</t>
    </rPh>
    <rPh sb="13" eb="17">
      <t>ヒホケンシャ</t>
    </rPh>
    <rPh sb="17" eb="18">
      <t>ブン</t>
    </rPh>
    <phoneticPr fontId="0"/>
  </si>
  <si>
    <t>（単位：円）</t>
  </si>
  <si>
    <t>第１５表　保険給付状況（全被保険者分）－２</t>
    <rPh sb="12" eb="13">
      <t>ゼン</t>
    </rPh>
    <rPh sb="13" eb="17">
      <t>ヒホケンシャ</t>
    </rPh>
    <rPh sb="17" eb="18">
      <t>ブン</t>
    </rPh>
    <phoneticPr fontId="0"/>
  </si>
  <si>
    <t>第１５表　保険給付状況（全被保険者分）－３</t>
    <rPh sb="12" eb="13">
      <t>ゼン</t>
    </rPh>
    <rPh sb="13" eb="17">
      <t>ヒホケンシャ</t>
    </rPh>
    <rPh sb="17" eb="18">
      <t>ブン</t>
    </rPh>
    <phoneticPr fontId="0"/>
  </si>
  <si>
    <t>第１５表　保険給付状況（全被保険者分）－４</t>
    <rPh sb="12" eb="13">
      <t>ゼン</t>
    </rPh>
    <rPh sb="13" eb="17">
      <t>ヒホケンシャ</t>
    </rPh>
    <rPh sb="17" eb="18">
      <t>ブン</t>
    </rPh>
    <phoneticPr fontId="0"/>
  </si>
  <si>
    <t>第１５表　保険給付状況（全被保険者分）－５</t>
    <rPh sb="12" eb="13">
      <t>ゼン</t>
    </rPh>
    <rPh sb="13" eb="17">
      <t>ヒホケンシャ</t>
    </rPh>
    <rPh sb="17" eb="18">
      <t>ブン</t>
    </rPh>
    <phoneticPr fontId="0"/>
  </si>
  <si>
    <t>保険者名</t>
  </si>
  <si>
    <t>療　　養　　の　　給　　付　　等</t>
  </si>
  <si>
    <t>療　　養　　の　　給　　付　　等</t>
    <rPh sb="0" eb="1">
      <t>リョウ</t>
    </rPh>
    <rPh sb="3" eb="4">
      <t>オサム</t>
    </rPh>
    <rPh sb="9" eb="10">
      <t>キュウ</t>
    </rPh>
    <rPh sb="12" eb="13">
      <t>ヅケ</t>
    </rPh>
    <rPh sb="15" eb="16">
      <t>トウ</t>
    </rPh>
    <phoneticPr fontId="2"/>
  </si>
  <si>
    <t>療　　　　養　　　　費　　　　等</t>
    <rPh sb="0" eb="1">
      <t>リョウ</t>
    </rPh>
    <rPh sb="5" eb="6">
      <t>オサム</t>
    </rPh>
    <rPh sb="10" eb="11">
      <t>ヒ</t>
    </rPh>
    <rPh sb="15" eb="16">
      <t>トウ</t>
    </rPh>
    <phoneticPr fontId="2"/>
  </si>
  <si>
    <t>療　養　費　等</t>
    <rPh sb="0" eb="1">
      <t>リョウ</t>
    </rPh>
    <rPh sb="2" eb="3">
      <t>オサム</t>
    </rPh>
    <rPh sb="4" eb="5">
      <t>ヒ</t>
    </rPh>
    <rPh sb="6" eb="7">
      <t>トウ</t>
    </rPh>
    <phoneticPr fontId="2"/>
  </si>
  <si>
    <t>療   養   諸   費   計   (Ａ）
＜療養の給付等＋療養費＞</t>
    <rPh sb="25" eb="27">
      <t>リョウヨウ</t>
    </rPh>
    <rPh sb="28" eb="30">
      <t>キュウフ</t>
    </rPh>
    <rPh sb="30" eb="31">
      <t>トウ</t>
    </rPh>
    <rPh sb="32" eb="35">
      <t>リョウヨウヒ</t>
    </rPh>
    <phoneticPr fontId="0"/>
  </si>
  <si>
    <t>療  養  諸  費  費  用  額  負  担  区  分</t>
  </si>
  <si>
    <t>高   額   療   養   費   (再掲)</t>
    <phoneticPr fontId="2"/>
  </si>
  <si>
    <t>高額介護合算療養費（再掲）</t>
    <rPh sb="0" eb="2">
      <t>コウガク</t>
    </rPh>
    <rPh sb="2" eb="4">
      <t>カイゴ</t>
    </rPh>
    <rPh sb="4" eb="6">
      <t>ガッサン</t>
    </rPh>
    <rPh sb="6" eb="9">
      <t>リョウヨウヒ</t>
    </rPh>
    <rPh sb="10" eb="12">
      <t>サイケイ</t>
    </rPh>
    <phoneticPr fontId="2"/>
  </si>
  <si>
    <t>そ　　の　　他　　の　　保　　険　　給　　付</t>
  </si>
  <si>
    <t>保   険   給   付   総   計
（Ａ）＋（Ｂ）</t>
    <phoneticPr fontId="0"/>
  </si>
  <si>
    <t>診      　　　療　　　      費</t>
  </si>
  <si>
    <t>調剤</t>
    <rPh sb="0" eb="1">
      <t>チョウ</t>
    </rPh>
    <rPh sb="1" eb="2">
      <t>ザイ</t>
    </rPh>
    <phoneticPr fontId="0"/>
  </si>
  <si>
    <t>食事療養・生活療養</t>
    <rPh sb="5" eb="7">
      <t>セイカツ</t>
    </rPh>
    <rPh sb="7" eb="9">
      <t>リョウヨウ</t>
    </rPh>
    <phoneticPr fontId="2"/>
  </si>
  <si>
    <t>訪問看護</t>
    <phoneticPr fontId="2"/>
  </si>
  <si>
    <t>合計</t>
    <phoneticPr fontId="2"/>
  </si>
  <si>
    <t>食事療養
生活療養</t>
    <rPh sb="2" eb="4">
      <t>リョウヨウ</t>
    </rPh>
    <rPh sb="5" eb="7">
      <t>セイカツ</t>
    </rPh>
    <rPh sb="7" eb="9">
      <t>リョウヨウ</t>
    </rPh>
    <phoneticPr fontId="0"/>
  </si>
  <si>
    <t>療　　　　養　　　　費</t>
  </si>
  <si>
    <t>移　送　費</t>
    <phoneticPr fontId="2"/>
  </si>
  <si>
    <t>入院</t>
    <phoneticPr fontId="2"/>
  </si>
  <si>
    <t>入院外</t>
    <phoneticPr fontId="2"/>
  </si>
  <si>
    <t>歯科</t>
    <phoneticPr fontId="2"/>
  </si>
  <si>
    <t>小計</t>
    <phoneticPr fontId="2"/>
  </si>
  <si>
    <t>診療費</t>
    <phoneticPr fontId="2"/>
  </si>
  <si>
    <t>補装具</t>
    <rPh sb="0" eb="3">
      <t>ホソウグ</t>
    </rPh>
    <phoneticPr fontId="2"/>
  </si>
  <si>
    <t>柔　道　整　復　師</t>
    <rPh sb="0" eb="1">
      <t>ジュウ</t>
    </rPh>
    <rPh sb="2" eb="3">
      <t>ミチ</t>
    </rPh>
    <rPh sb="4" eb="5">
      <t>タダシ</t>
    </rPh>
    <rPh sb="6" eb="7">
      <t>マタ</t>
    </rPh>
    <rPh sb="8" eb="9">
      <t>シ</t>
    </rPh>
    <phoneticPr fontId="2"/>
  </si>
  <si>
    <t>アンマ・マッサージ</t>
    <phoneticPr fontId="2"/>
  </si>
  <si>
    <t>ハリ・キュウ</t>
    <phoneticPr fontId="2"/>
  </si>
  <si>
    <t>その他</t>
    <phoneticPr fontId="2"/>
  </si>
  <si>
    <t>海外療養費（再掲）</t>
    <rPh sb="0" eb="2">
      <t>カイガイ</t>
    </rPh>
    <rPh sb="2" eb="5">
      <t>リョウヨウヒ</t>
    </rPh>
    <rPh sb="6" eb="7">
      <t>サイ</t>
    </rPh>
    <rPh sb="7" eb="8">
      <t>ケイ</t>
    </rPh>
    <phoneticPr fontId="2"/>
  </si>
  <si>
    <t>保険者負担分</t>
  </si>
  <si>
    <t>一　部　負　担　金</t>
    <phoneticPr fontId="2"/>
  </si>
  <si>
    <t>他 法 負 担 分</t>
    <phoneticPr fontId="0"/>
  </si>
  <si>
    <t>出産育児一時金</t>
    <rPh sb="4" eb="7">
      <t>イチジキン</t>
    </rPh>
    <phoneticPr fontId="0"/>
  </si>
  <si>
    <t>葬 祭 費</t>
    <rPh sb="4" eb="5">
      <t>ヒ</t>
    </rPh>
    <phoneticPr fontId="0"/>
  </si>
  <si>
    <t>傷　病　手　当　金</t>
    <rPh sb="0" eb="1">
      <t>キズ</t>
    </rPh>
    <rPh sb="2" eb="3">
      <t>ビョウ</t>
    </rPh>
    <rPh sb="4" eb="5">
      <t>テ</t>
    </rPh>
    <rPh sb="6" eb="7">
      <t>トウ</t>
    </rPh>
    <rPh sb="8" eb="9">
      <t>キン</t>
    </rPh>
    <phoneticPr fontId="2"/>
  </si>
  <si>
    <t>出　産　手　当　金</t>
    <rPh sb="0" eb="1">
      <t>デ</t>
    </rPh>
    <rPh sb="2" eb="3">
      <t>サン</t>
    </rPh>
    <rPh sb="4" eb="5">
      <t>テ</t>
    </rPh>
    <rPh sb="6" eb="7">
      <t>トウ</t>
    </rPh>
    <rPh sb="8" eb="9">
      <t>キン</t>
    </rPh>
    <phoneticPr fontId="2"/>
  </si>
  <si>
    <t>その他</t>
  </si>
  <si>
    <t>合     計    (Ｂ)</t>
    <phoneticPr fontId="2"/>
  </si>
  <si>
    <t>件　数</t>
  </si>
  <si>
    <t>日　数</t>
  </si>
  <si>
    <t>費 用 額 (円)</t>
  </si>
  <si>
    <t>処方箋枚数</t>
  </si>
  <si>
    <t>件　数</t>
    <phoneticPr fontId="2"/>
  </si>
  <si>
    <t>件  数</t>
    <phoneticPr fontId="2"/>
  </si>
  <si>
    <t>件  数</t>
    <phoneticPr fontId="2"/>
  </si>
  <si>
    <t>費 用 額 (円)</t>
    <phoneticPr fontId="2"/>
  </si>
  <si>
    <t>件数</t>
    <rPh sb="0" eb="2">
      <t>ケンスウ</t>
    </rPh>
    <phoneticPr fontId="2"/>
  </si>
  <si>
    <t>費 用 額 (円)</t>
    <phoneticPr fontId="2"/>
  </si>
  <si>
    <t>費　用　額</t>
  </si>
  <si>
    <t>費用額(円）</t>
  </si>
  <si>
    <t xml:space="preserve"> 横浜市</t>
    <phoneticPr fontId="0"/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市町村計</t>
  </si>
  <si>
    <t xml:space="preserve"> 医　師</t>
    <phoneticPr fontId="0"/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薬剤師</t>
    <phoneticPr fontId="0"/>
  </si>
  <si>
    <t xml:space="preserve"> 建設業</t>
    <phoneticPr fontId="0"/>
  </si>
  <si>
    <t xml:space="preserve"> 建設業</t>
    <phoneticPr fontId="0"/>
  </si>
  <si>
    <t xml:space="preserve"> 建設連合</t>
    <phoneticPr fontId="0"/>
  </si>
  <si>
    <t xml:space="preserve"> 建設連合</t>
    <phoneticPr fontId="0"/>
  </si>
  <si>
    <t>組   合   計</t>
    <phoneticPr fontId="2"/>
  </si>
  <si>
    <t>組   合   計</t>
    <phoneticPr fontId="2"/>
  </si>
  <si>
    <t>県　　         計</t>
    <phoneticPr fontId="2"/>
  </si>
  <si>
    <t>県　　         計</t>
    <phoneticPr fontId="2"/>
  </si>
  <si>
    <t>（注）｢療養の給付等｣中、｢食事療養｣の件数は｢合計｣の件数に含めない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14"/>
      <name val="Terminal"/>
      <family val="3"/>
      <charset val="255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4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medium">
        <color indexed="8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8"/>
      </bottom>
      <diagonal/>
    </border>
    <border>
      <left/>
      <right/>
      <top style="medium">
        <color indexed="64"/>
      </top>
      <bottom style="thin">
        <color indexed="8"/>
      </bottom>
      <diagonal/>
    </border>
    <border>
      <left/>
      <right style="medium">
        <color indexed="64"/>
      </right>
      <top style="medium">
        <color indexed="64"/>
      </top>
      <bottom style="thin">
        <color indexed="8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8"/>
      </top>
      <bottom/>
      <diagonal/>
    </border>
    <border>
      <left/>
      <right style="thin">
        <color indexed="64"/>
      </right>
      <top style="medium">
        <color indexed="8"/>
      </top>
      <bottom/>
      <diagonal/>
    </border>
    <border>
      <left style="medium">
        <color indexed="8"/>
      </left>
      <right/>
      <top style="medium">
        <color indexed="8"/>
      </top>
      <bottom/>
      <diagonal/>
    </border>
    <border>
      <left/>
      <right style="medium">
        <color indexed="8"/>
      </right>
      <top style="medium">
        <color indexed="8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8"/>
      </bottom>
      <diagonal/>
    </border>
    <border>
      <left/>
      <right style="medium">
        <color indexed="64"/>
      </right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8"/>
      </top>
      <bottom style="thin">
        <color indexed="64"/>
      </bottom>
      <diagonal/>
    </border>
    <border>
      <left/>
      <right/>
      <top style="thin">
        <color indexed="8"/>
      </top>
      <bottom style="thin">
        <color indexed="64"/>
      </bottom>
      <diagonal/>
    </border>
    <border>
      <left/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8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indexed="8"/>
      </bottom>
      <diagonal/>
    </border>
    <border>
      <left style="medium">
        <color indexed="8"/>
      </left>
      <right/>
      <top/>
      <bottom/>
      <diagonal/>
    </border>
    <border>
      <left/>
      <right style="medium">
        <color indexed="8"/>
      </right>
      <top/>
      <bottom/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medium">
        <color indexed="64"/>
      </right>
      <top/>
      <bottom style="thin">
        <color indexed="8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8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/>
      <top/>
      <bottom style="thin">
        <color indexed="8"/>
      </bottom>
      <diagonal/>
    </border>
    <border>
      <left/>
      <right style="medium">
        <color indexed="8"/>
      </right>
      <top/>
      <bottom style="thin">
        <color indexed="8"/>
      </bottom>
      <diagonal/>
    </border>
    <border>
      <left style="medium">
        <color indexed="64"/>
      </left>
      <right/>
      <top/>
      <bottom style="double">
        <color indexed="8"/>
      </bottom>
      <diagonal/>
    </border>
    <border>
      <left/>
      <right/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/>
      <top/>
      <bottom style="double">
        <color indexed="8"/>
      </bottom>
      <diagonal/>
    </border>
    <border>
      <left style="thin">
        <color indexed="8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64"/>
      </right>
      <top/>
      <bottom style="double">
        <color indexed="8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/>
      <top style="thin">
        <color indexed="8"/>
      </top>
      <bottom style="double">
        <color indexed="8"/>
      </bottom>
      <diagonal/>
    </border>
    <border>
      <left style="thin">
        <color indexed="64"/>
      </left>
      <right/>
      <top/>
      <bottom style="double">
        <color indexed="8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double">
        <color indexed="8"/>
      </bottom>
      <diagonal/>
    </border>
    <border>
      <left/>
      <right style="thin">
        <color indexed="8"/>
      </right>
      <top/>
      <bottom style="double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8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8"/>
      </bottom>
      <diagonal/>
    </border>
    <border>
      <left style="medium">
        <color indexed="8"/>
      </left>
      <right/>
      <top/>
      <bottom style="double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64"/>
      </left>
      <right style="thin">
        <color indexed="8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medium">
        <color indexed="64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 style="thin">
        <color indexed="64"/>
      </right>
      <top/>
      <bottom/>
      <diagonal/>
    </border>
    <border>
      <left style="thin">
        <color indexed="8"/>
      </left>
      <right style="medium">
        <color indexed="64"/>
      </right>
      <top/>
      <bottom/>
      <diagonal/>
    </border>
    <border>
      <left style="thin">
        <color indexed="8"/>
      </left>
      <right style="medium">
        <color indexed="8"/>
      </right>
      <top/>
      <bottom/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thin">
        <color indexed="8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double">
        <color indexed="64"/>
      </bottom>
      <diagonal/>
    </border>
    <border>
      <left style="medium">
        <color indexed="8"/>
      </left>
      <right/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8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8"/>
      </left>
      <right/>
      <top/>
      <bottom style="double">
        <color indexed="64"/>
      </bottom>
      <diagonal/>
    </border>
    <border>
      <left style="thin">
        <color indexed="8"/>
      </left>
      <right style="thin">
        <color indexed="64"/>
      </right>
      <top/>
      <bottom style="double">
        <color indexed="64"/>
      </bottom>
      <diagonal/>
    </border>
    <border>
      <left style="thin">
        <color indexed="8"/>
      </left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8"/>
      </left>
      <right/>
      <top/>
      <bottom style="double">
        <color indexed="64"/>
      </bottom>
      <diagonal/>
    </border>
    <border>
      <left style="thin">
        <color indexed="8"/>
      </left>
      <right style="medium">
        <color indexed="8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/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8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medium">
        <color indexed="8"/>
      </left>
      <right/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8"/>
      </left>
      <right/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medium">
        <color indexed="8"/>
      </right>
      <top style="double">
        <color indexed="8"/>
      </top>
      <bottom style="double">
        <color indexed="8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8"/>
      </right>
      <top style="double">
        <color indexed="64"/>
      </top>
      <bottom style="medium">
        <color indexed="64"/>
      </bottom>
      <diagonal/>
    </border>
    <border>
      <left style="thin">
        <color indexed="8"/>
      </left>
      <right/>
      <top style="double">
        <color indexed="64"/>
      </top>
      <bottom style="medium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64"/>
      </top>
      <bottom style="medium">
        <color indexed="8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8"/>
      </left>
      <right/>
      <top style="double">
        <color indexed="64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double">
        <color indexed="64"/>
      </top>
      <bottom style="medium">
        <color indexed="8"/>
      </bottom>
      <diagonal/>
    </border>
    <border>
      <left style="medium">
        <color indexed="8"/>
      </left>
      <right/>
      <top/>
      <bottom style="medium">
        <color indexed="8"/>
      </bottom>
      <diagonal/>
    </border>
    <border>
      <left style="thin">
        <color indexed="8"/>
      </left>
      <right style="medium">
        <color indexed="8"/>
      </right>
      <top/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double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8"/>
      </top>
      <bottom style="thin">
        <color indexed="8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7" fontId="5" fillId="0" borderId="0"/>
  </cellStyleXfs>
  <cellXfs count="249">
    <xf numFmtId="0" fontId="0" fillId="0" borderId="0" xfId="0"/>
    <xf numFmtId="0" fontId="3" fillId="0" borderId="0" xfId="0" applyFont="1" applyFill="1" applyBorder="1" applyAlignment="1" applyProtection="1">
      <alignment horizontal="right"/>
    </xf>
    <xf numFmtId="0" fontId="4" fillId="0" borderId="0" xfId="0" applyFont="1" applyFill="1" applyBorder="1" applyProtection="1"/>
    <xf numFmtId="0" fontId="4" fillId="0" borderId="0" xfId="0" applyFont="1" applyFill="1"/>
    <xf numFmtId="0" fontId="4" fillId="0" borderId="0" xfId="0" applyFont="1" applyFill="1" applyBorder="1" applyAlignment="1" applyProtection="1">
      <alignment horizontal="centerContinuous" vertical="center"/>
    </xf>
    <xf numFmtId="0" fontId="4" fillId="0" borderId="0" xfId="0" applyFont="1" applyFill="1" applyBorder="1" applyAlignment="1" applyProtection="1">
      <alignment horizontal="right"/>
    </xf>
    <xf numFmtId="0" fontId="3" fillId="0" borderId="5" xfId="0" applyFont="1" applyFill="1" applyBorder="1" applyAlignment="1" applyProtection="1">
      <alignment horizontal="centerContinuous" vertical="center"/>
    </xf>
    <xf numFmtId="0" fontId="3" fillId="0" borderId="4" xfId="0" applyFont="1" applyFill="1" applyBorder="1" applyAlignment="1" applyProtection="1">
      <alignment horizontal="centerContinuous" vertical="center"/>
    </xf>
    <xf numFmtId="0" fontId="3" fillId="0" borderId="6" xfId="0" applyFont="1" applyFill="1" applyBorder="1" applyAlignment="1" applyProtection="1">
      <alignment horizontal="centerContinuous" vertical="center"/>
    </xf>
    <xf numFmtId="0" fontId="4" fillId="0" borderId="0" xfId="0" applyFont="1" applyFill="1" applyAlignment="1">
      <alignment vertical="center"/>
    </xf>
    <xf numFmtId="0" fontId="3" fillId="0" borderId="18" xfId="0" applyFont="1" applyFill="1" applyBorder="1" applyAlignment="1" applyProtection="1">
      <alignment horizontal="centerContinuous" vertical="center"/>
    </xf>
    <xf numFmtId="0" fontId="3" fillId="0" borderId="19" xfId="0" applyFont="1" applyFill="1" applyBorder="1" applyAlignment="1" applyProtection="1">
      <alignment horizontal="centerContinuous" vertical="center"/>
    </xf>
    <xf numFmtId="0" fontId="3" fillId="0" borderId="20" xfId="0" applyFont="1" applyFill="1" applyBorder="1" applyAlignment="1" applyProtection="1">
      <alignment horizontal="centerContinuous" vertical="center"/>
    </xf>
    <xf numFmtId="0" fontId="3" fillId="0" borderId="57" xfId="0" applyFont="1" applyFill="1" applyBorder="1" applyAlignment="1" applyProtection="1">
      <alignment horizontal="center" vertical="center"/>
    </xf>
    <xf numFmtId="0" fontId="3" fillId="0" borderId="56" xfId="0" applyFont="1" applyFill="1" applyBorder="1" applyAlignment="1" applyProtection="1">
      <alignment horizontal="center" vertical="center"/>
    </xf>
    <xf numFmtId="0" fontId="3" fillId="0" borderId="58" xfId="0" applyFont="1" applyFill="1" applyBorder="1" applyAlignment="1" applyProtection="1">
      <alignment horizontal="center" vertical="center"/>
    </xf>
    <xf numFmtId="0" fontId="3" fillId="0" borderId="59" xfId="0" applyFont="1" applyFill="1" applyBorder="1" applyAlignment="1" applyProtection="1">
      <alignment horizontal="center" vertical="center"/>
    </xf>
    <xf numFmtId="0" fontId="3" fillId="0" borderId="60" xfId="0" applyFont="1" applyFill="1" applyBorder="1" applyAlignment="1" applyProtection="1">
      <alignment horizontal="center" vertical="center"/>
    </xf>
    <xf numFmtId="0" fontId="3" fillId="0" borderId="61" xfId="0" applyFont="1" applyFill="1" applyBorder="1" applyAlignment="1" applyProtection="1">
      <alignment horizontal="center" vertical="center"/>
    </xf>
    <xf numFmtId="0" fontId="3" fillId="0" borderId="64" xfId="0" applyFont="1" applyFill="1" applyBorder="1" applyAlignment="1" applyProtection="1">
      <alignment horizontal="center" vertical="center"/>
    </xf>
    <xf numFmtId="0" fontId="3" fillId="0" borderId="65" xfId="0" applyFont="1" applyFill="1" applyBorder="1" applyAlignment="1" applyProtection="1">
      <alignment horizontal="center" vertical="center"/>
    </xf>
    <xf numFmtId="0" fontId="3" fillId="0" borderId="66" xfId="0" applyFont="1" applyFill="1" applyBorder="1" applyAlignment="1" applyProtection="1">
      <alignment horizontal="center" vertical="center"/>
    </xf>
    <xf numFmtId="0" fontId="3" fillId="0" borderId="68" xfId="0" applyFont="1" applyFill="1" applyBorder="1" applyAlignment="1" applyProtection="1">
      <alignment horizontal="center" vertical="center"/>
    </xf>
    <xf numFmtId="0" fontId="3" fillId="0" borderId="69" xfId="0" applyFont="1" applyFill="1" applyBorder="1" applyAlignment="1" applyProtection="1">
      <alignment horizontal="center" vertical="center"/>
    </xf>
    <xf numFmtId="0" fontId="3" fillId="0" borderId="70" xfId="0" applyFont="1" applyFill="1" applyBorder="1" applyAlignment="1" applyProtection="1">
      <alignment horizontal="center" vertical="center"/>
    </xf>
    <xf numFmtId="0" fontId="3" fillId="0" borderId="71" xfId="0" applyFont="1" applyFill="1" applyBorder="1" applyAlignment="1" applyProtection="1">
      <alignment horizontal="center" vertical="center"/>
    </xf>
    <xf numFmtId="0" fontId="3" fillId="0" borderId="72" xfId="0" applyFont="1" applyFill="1" applyBorder="1" applyAlignment="1" applyProtection="1">
      <alignment horizontal="center" vertical="center"/>
    </xf>
    <xf numFmtId="0" fontId="3" fillId="0" borderId="74" xfId="0" applyFont="1" applyFill="1" applyBorder="1" applyAlignment="1" applyProtection="1">
      <alignment horizontal="center" vertical="center"/>
    </xf>
    <xf numFmtId="0" fontId="3" fillId="0" borderId="75" xfId="0" applyFont="1" applyFill="1" applyBorder="1" applyAlignment="1" applyProtection="1">
      <alignment horizontal="center" vertical="center"/>
    </xf>
    <xf numFmtId="0" fontId="3" fillId="0" borderId="76" xfId="0" applyFont="1" applyFill="1" applyBorder="1" applyAlignment="1" applyProtection="1">
      <alignment horizontal="center" vertical="center"/>
    </xf>
    <xf numFmtId="0" fontId="3" fillId="0" borderId="77" xfId="0" applyFont="1" applyFill="1" applyBorder="1" applyAlignment="1" applyProtection="1">
      <alignment horizontal="center" vertical="center"/>
    </xf>
    <xf numFmtId="0" fontId="3" fillId="0" borderId="17" xfId="0" applyFont="1" applyFill="1" applyBorder="1" applyAlignment="1" applyProtection="1"/>
    <xf numFmtId="37" fontId="6" fillId="0" borderId="78" xfId="2" applyFont="1" applyFill="1" applyBorder="1" applyAlignment="1" applyProtection="1">
      <alignment horizontal="left"/>
    </xf>
    <xf numFmtId="38" fontId="3" fillId="0" borderId="44" xfId="1" quotePrefix="1" applyFont="1" applyFill="1" applyBorder="1" applyAlignment="1" applyProtection="1">
      <protection locked="0"/>
    </xf>
    <xf numFmtId="38" fontId="3" fillId="0" borderId="79" xfId="1" quotePrefix="1" applyFont="1" applyFill="1" applyBorder="1" applyAlignment="1" applyProtection="1">
      <protection locked="0"/>
    </xf>
    <xf numFmtId="38" fontId="3" fillId="0" borderId="35" xfId="1" quotePrefix="1" applyFont="1" applyFill="1" applyBorder="1" applyAlignment="1" applyProtection="1"/>
    <xf numFmtId="38" fontId="3" fillId="0" borderId="44" xfId="1" quotePrefix="1" applyFont="1" applyFill="1" applyBorder="1" applyAlignment="1" applyProtection="1"/>
    <xf numFmtId="38" fontId="3" fillId="0" borderId="44" xfId="1" applyFont="1" applyFill="1" applyBorder="1" applyAlignment="1" applyProtection="1"/>
    <xf numFmtId="37" fontId="6" fillId="0" borderId="80" xfId="2" applyFont="1" applyFill="1" applyBorder="1" applyAlignment="1" applyProtection="1">
      <alignment horizontal="left"/>
    </xf>
    <xf numFmtId="38" fontId="3" fillId="0" borderId="81" xfId="1" applyFont="1" applyFill="1" applyBorder="1" applyAlignment="1" applyProtection="1"/>
    <xf numFmtId="37" fontId="6" fillId="0" borderId="82" xfId="2" applyFont="1" applyFill="1" applyBorder="1" applyAlignment="1" applyProtection="1">
      <alignment horizontal="left"/>
    </xf>
    <xf numFmtId="38" fontId="3" fillId="0" borderId="35" xfId="1" applyFont="1" applyFill="1" applyBorder="1" applyAlignment="1" applyProtection="1"/>
    <xf numFmtId="38" fontId="3" fillId="0" borderId="83" xfId="1" applyFont="1" applyFill="1" applyBorder="1" applyAlignment="1" applyProtection="1"/>
    <xf numFmtId="38" fontId="3" fillId="0" borderId="79" xfId="1" applyFont="1" applyFill="1" applyBorder="1" applyAlignment="1" applyProtection="1"/>
    <xf numFmtId="38" fontId="3" fillId="0" borderId="33" xfId="1" quotePrefix="1" applyFont="1" applyFill="1" applyBorder="1" applyAlignment="1" applyProtection="1"/>
    <xf numFmtId="38" fontId="3" fillId="0" borderId="81" xfId="1" quotePrefix="1" applyFont="1" applyFill="1" applyBorder="1" applyAlignment="1" applyProtection="1"/>
    <xf numFmtId="37" fontId="3" fillId="0" borderId="78" xfId="2" applyFont="1" applyFill="1" applyBorder="1" applyAlignment="1" applyProtection="1">
      <alignment horizontal="left"/>
    </xf>
    <xf numFmtId="38" fontId="3" fillId="0" borderId="53" xfId="1" applyFont="1" applyFill="1" applyBorder="1" applyAlignment="1" applyProtection="1"/>
    <xf numFmtId="38" fontId="3" fillId="0" borderId="84" xfId="1" applyFont="1" applyFill="1" applyBorder="1" applyAlignment="1" applyProtection="1"/>
    <xf numFmtId="38" fontId="4" fillId="0" borderId="0" xfId="0" applyNumberFormat="1" applyFont="1" applyFill="1" applyAlignment="1">
      <alignment vertical="center"/>
    </xf>
    <xf numFmtId="37" fontId="6" fillId="0" borderId="46" xfId="2" applyFont="1" applyFill="1" applyBorder="1" applyAlignment="1" applyProtection="1">
      <alignment horizontal="left"/>
    </xf>
    <xf numFmtId="38" fontId="3" fillId="0" borderId="85" xfId="1" applyFont="1" applyFill="1" applyBorder="1" applyAlignment="1" applyProtection="1"/>
    <xf numFmtId="38" fontId="3" fillId="0" borderId="86" xfId="1" applyFont="1" applyFill="1" applyBorder="1" applyAlignment="1" applyProtection="1"/>
    <xf numFmtId="37" fontId="3" fillId="0" borderId="46" xfId="2" applyFont="1" applyFill="1" applyBorder="1" applyAlignment="1" applyProtection="1">
      <alignment horizontal="left"/>
    </xf>
    <xf numFmtId="38" fontId="3" fillId="0" borderId="87" xfId="1" applyFont="1" applyFill="1" applyBorder="1" applyAlignment="1" applyProtection="1"/>
    <xf numFmtId="38" fontId="3" fillId="0" borderId="88" xfId="1" applyFont="1" applyFill="1" applyBorder="1" applyAlignment="1" applyProtection="1"/>
    <xf numFmtId="38" fontId="3" fillId="0" borderId="89" xfId="1" quotePrefix="1" applyFont="1" applyFill="1" applyBorder="1" applyAlignment="1" applyProtection="1">
      <protection locked="0"/>
    </xf>
    <xf numFmtId="38" fontId="3" fillId="0" borderId="90" xfId="1" quotePrefix="1" applyFont="1" applyFill="1" applyBorder="1" applyAlignment="1" applyProtection="1">
      <protection locked="0"/>
    </xf>
    <xf numFmtId="38" fontId="3" fillId="0" borderId="32" xfId="1" quotePrefix="1" applyFont="1" applyFill="1" applyBorder="1" applyAlignment="1" applyProtection="1"/>
    <xf numFmtId="38" fontId="3" fillId="0" borderId="89" xfId="1" quotePrefix="1" applyFont="1" applyFill="1" applyBorder="1" applyAlignment="1" applyProtection="1"/>
    <xf numFmtId="38" fontId="3" fillId="0" borderId="89" xfId="1" applyFont="1" applyFill="1" applyBorder="1" applyAlignment="1" applyProtection="1"/>
    <xf numFmtId="38" fontId="3" fillId="0" borderId="91" xfId="1" applyFont="1" applyFill="1" applyBorder="1" applyAlignment="1" applyProtection="1"/>
    <xf numFmtId="38" fontId="3" fillId="0" borderId="32" xfId="1" applyFont="1" applyFill="1" applyBorder="1" applyAlignment="1" applyProtection="1"/>
    <xf numFmtId="38" fontId="3" fillId="0" borderId="0" xfId="1" quotePrefix="1" applyFont="1" applyFill="1" applyBorder="1" applyAlignment="1" applyProtection="1"/>
    <xf numFmtId="38" fontId="3" fillId="0" borderId="91" xfId="1" quotePrefix="1" applyFont="1" applyFill="1" applyBorder="1" applyAlignment="1" applyProtection="1"/>
    <xf numFmtId="38" fontId="3" fillId="0" borderId="36" xfId="1" applyFont="1" applyFill="1" applyBorder="1" applyAlignment="1" applyProtection="1"/>
    <xf numFmtId="38" fontId="3" fillId="0" borderId="92" xfId="1" applyFont="1" applyFill="1" applyBorder="1" applyAlignment="1" applyProtection="1"/>
    <xf numFmtId="0" fontId="3" fillId="0" borderId="62" xfId="0" applyFont="1" applyFill="1" applyBorder="1" applyAlignment="1" applyProtection="1"/>
    <xf numFmtId="37" fontId="6" fillId="0" borderId="93" xfId="2" applyFont="1" applyFill="1" applyBorder="1" applyAlignment="1" applyProtection="1">
      <alignment horizontal="left"/>
    </xf>
    <xf numFmtId="38" fontId="3" fillId="0" borderId="94" xfId="1" quotePrefix="1" applyFont="1" applyFill="1" applyBorder="1" applyAlignment="1" applyProtection="1">
      <protection locked="0"/>
    </xf>
    <xf numFmtId="38" fontId="3" fillId="0" borderId="66" xfId="1" quotePrefix="1" applyFont="1" applyFill="1" applyBorder="1" applyAlignment="1" applyProtection="1">
      <protection locked="0"/>
    </xf>
    <xf numFmtId="38" fontId="3" fillId="0" borderId="95" xfId="1" quotePrefix="1" applyFont="1" applyFill="1" applyBorder="1" applyAlignment="1" applyProtection="1"/>
    <xf numFmtId="38" fontId="3" fillId="0" borderId="94" xfId="1" quotePrefix="1" applyFont="1" applyFill="1" applyBorder="1" applyAlignment="1" applyProtection="1"/>
    <xf numFmtId="38" fontId="3" fillId="0" borderId="94" xfId="1" applyFont="1" applyFill="1" applyBorder="1" applyAlignment="1" applyProtection="1"/>
    <xf numFmtId="38" fontId="3" fillId="0" borderId="96" xfId="1" applyFont="1" applyFill="1" applyBorder="1" applyAlignment="1" applyProtection="1"/>
    <xf numFmtId="37" fontId="6" fillId="0" borderId="97" xfId="2" applyFont="1" applyFill="1" applyBorder="1" applyAlignment="1" applyProtection="1">
      <alignment horizontal="left"/>
    </xf>
    <xf numFmtId="38" fontId="3" fillId="0" borderId="98" xfId="1" applyFont="1" applyFill="1" applyBorder="1" applyAlignment="1" applyProtection="1"/>
    <xf numFmtId="38" fontId="3" fillId="0" borderId="99" xfId="1" applyFont="1" applyFill="1" applyBorder="1" applyAlignment="1" applyProtection="1"/>
    <xf numFmtId="38" fontId="3" fillId="0" borderId="71" xfId="1" applyFont="1" applyFill="1" applyBorder="1" applyAlignment="1" applyProtection="1"/>
    <xf numFmtId="38" fontId="3" fillId="0" borderId="95" xfId="1" applyFont="1" applyFill="1" applyBorder="1" applyAlignment="1" applyProtection="1"/>
    <xf numFmtId="38" fontId="3" fillId="0" borderId="100" xfId="1" applyFont="1" applyFill="1" applyBorder="1" applyAlignment="1" applyProtection="1"/>
    <xf numFmtId="38" fontId="3" fillId="0" borderId="101" xfId="1" quotePrefix="1" applyFont="1" applyFill="1" applyBorder="1" applyAlignment="1" applyProtection="1"/>
    <xf numFmtId="38" fontId="3" fillId="0" borderId="96" xfId="1" quotePrefix="1" applyFont="1" applyFill="1" applyBorder="1" applyAlignment="1" applyProtection="1"/>
    <xf numFmtId="38" fontId="3" fillId="0" borderId="102" xfId="1" applyFont="1" applyFill="1" applyBorder="1" applyAlignment="1" applyProtection="1"/>
    <xf numFmtId="38" fontId="3" fillId="0" borderId="103" xfId="1" applyFont="1" applyFill="1" applyBorder="1" applyAlignment="1" applyProtection="1"/>
    <xf numFmtId="38" fontId="3" fillId="0" borderId="104" xfId="1" applyFont="1" applyFill="1" applyBorder="1" applyAlignment="1" applyProtection="1"/>
    <xf numFmtId="38" fontId="3" fillId="0" borderId="105" xfId="1" applyFont="1" applyFill="1" applyBorder="1" applyAlignment="1" applyProtection="1"/>
    <xf numFmtId="38" fontId="3" fillId="0" borderId="106" xfId="1" quotePrefix="1" applyFont="1" applyFill="1" applyBorder="1" applyAlignment="1" applyProtection="1">
      <protection locked="0"/>
    </xf>
    <xf numFmtId="38" fontId="3" fillId="0" borderId="107" xfId="1" quotePrefix="1" applyFont="1" applyFill="1" applyBorder="1" applyAlignment="1" applyProtection="1">
      <protection locked="0"/>
    </xf>
    <xf numFmtId="38" fontId="3" fillId="0" borderId="99" xfId="1" quotePrefix="1" applyFont="1" applyFill="1" applyBorder="1" applyAlignment="1" applyProtection="1"/>
    <xf numFmtId="38" fontId="3" fillId="0" borderId="106" xfId="1" quotePrefix="1" applyFont="1" applyFill="1" applyBorder="1" applyAlignment="1" applyProtection="1"/>
    <xf numFmtId="38" fontId="3" fillId="0" borderId="106" xfId="1" applyFont="1" applyFill="1" applyBorder="1" applyAlignment="1" applyProtection="1"/>
    <xf numFmtId="38" fontId="3" fillId="0" borderId="108" xfId="1" applyFont="1" applyFill="1" applyBorder="1" applyAlignment="1" applyProtection="1"/>
    <xf numFmtId="38" fontId="3" fillId="0" borderId="109" xfId="1" quotePrefix="1" applyFont="1" applyFill="1" applyBorder="1" applyAlignment="1" applyProtection="1"/>
    <xf numFmtId="38" fontId="3" fillId="0" borderId="108" xfId="1" quotePrefix="1" applyFont="1" applyFill="1" applyBorder="1" applyAlignment="1" applyProtection="1"/>
    <xf numFmtId="38" fontId="3" fillId="0" borderId="65" xfId="1" applyFont="1" applyFill="1" applyBorder="1" applyAlignment="1" applyProtection="1"/>
    <xf numFmtId="38" fontId="3" fillId="0" borderId="110" xfId="1" applyFont="1" applyFill="1" applyBorder="1" applyAlignment="1" applyProtection="1"/>
    <xf numFmtId="38" fontId="3" fillId="0" borderId="111" xfId="1" applyFont="1" applyFill="1" applyBorder="1" applyAlignment="1" applyProtection="1"/>
    <xf numFmtId="38" fontId="3" fillId="0" borderId="125" xfId="1" applyFont="1" applyFill="1" applyBorder="1" applyAlignment="1" applyProtection="1">
      <alignment horizontal="left"/>
    </xf>
    <xf numFmtId="38" fontId="3" fillId="0" borderId="44" xfId="1" quotePrefix="1" applyFont="1" applyFill="1" applyBorder="1" applyAlignment="1" applyProtection="1">
      <alignment vertical="center"/>
      <protection locked="0"/>
    </xf>
    <xf numFmtId="38" fontId="3" fillId="0" borderId="80" xfId="1" applyFont="1" applyFill="1" applyBorder="1" applyAlignment="1" applyProtection="1">
      <alignment horizontal="left"/>
    </xf>
    <xf numFmtId="38" fontId="3" fillId="0" borderId="97" xfId="1" applyFont="1" applyFill="1" applyBorder="1" applyAlignment="1" applyProtection="1">
      <alignment horizontal="left"/>
    </xf>
    <xf numFmtId="0" fontId="4" fillId="0" borderId="0" xfId="0" applyFont="1" applyFill="1" applyAlignment="1"/>
    <xf numFmtId="0" fontId="0" fillId="0" borderId="0" xfId="0" applyFont="1" applyFill="1" applyBorder="1" applyProtection="1"/>
    <xf numFmtId="0" fontId="0" fillId="0" borderId="0" xfId="0" applyFont="1" applyFill="1"/>
    <xf numFmtId="0" fontId="0" fillId="0" borderId="0" xfId="0" applyFont="1" applyFill="1" applyBorder="1" applyAlignment="1" applyProtection="1">
      <alignment horizontal="centerContinuous" vertical="center"/>
    </xf>
    <xf numFmtId="0" fontId="0" fillId="0" borderId="0" xfId="0" applyFont="1" applyFill="1" applyBorder="1" applyAlignment="1" applyProtection="1">
      <alignment horizontal="right"/>
    </xf>
    <xf numFmtId="38" fontId="3" fillId="0" borderId="114" xfId="1" quotePrefix="1" applyFont="1" applyFill="1" applyBorder="1" applyAlignment="1" applyProtection="1">
      <alignment vertical="center"/>
      <protection locked="0"/>
    </xf>
    <xf numFmtId="38" fontId="3" fillId="0" borderId="114" xfId="1" quotePrefix="1" applyFont="1" applyFill="1" applyBorder="1" applyAlignment="1" applyProtection="1">
      <protection locked="0"/>
    </xf>
    <xf numFmtId="38" fontId="3" fillId="0" borderId="115" xfId="1" quotePrefix="1" applyFont="1" applyFill="1" applyBorder="1" applyAlignment="1" applyProtection="1">
      <protection locked="0"/>
    </xf>
    <xf numFmtId="38" fontId="3" fillId="0" borderId="116" xfId="1" quotePrefix="1" applyFont="1" applyFill="1" applyBorder="1" applyAlignment="1" applyProtection="1"/>
    <xf numFmtId="38" fontId="3" fillId="0" borderId="114" xfId="1" quotePrefix="1" applyFont="1" applyFill="1" applyBorder="1" applyAlignment="1" applyProtection="1"/>
    <xf numFmtId="38" fontId="3" fillId="0" borderId="114" xfId="1" applyFont="1" applyFill="1" applyBorder="1" applyAlignment="1" applyProtection="1"/>
    <xf numFmtId="38" fontId="3" fillId="0" borderId="117" xfId="1" applyFont="1" applyFill="1" applyBorder="1" applyAlignment="1" applyProtection="1"/>
    <xf numFmtId="38" fontId="3" fillId="0" borderId="119" xfId="1" applyFont="1" applyFill="1" applyBorder="1" applyAlignment="1" applyProtection="1"/>
    <xf numFmtId="38" fontId="3" fillId="0" borderId="116" xfId="1" applyFont="1" applyFill="1" applyBorder="1" applyAlignment="1" applyProtection="1"/>
    <xf numFmtId="38" fontId="3" fillId="0" borderId="120" xfId="1" applyFont="1" applyFill="1" applyBorder="1" applyAlignment="1" applyProtection="1"/>
    <xf numFmtId="38" fontId="3" fillId="0" borderId="107" xfId="1" applyFont="1" applyFill="1" applyBorder="1" applyAlignment="1" applyProtection="1"/>
    <xf numFmtId="38" fontId="3" fillId="0" borderId="121" xfId="1" quotePrefix="1" applyFont="1" applyFill="1" applyBorder="1" applyAlignment="1" applyProtection="1"/>
    <xf numFmtId="38" fontId="3" fillId="0" borderId="117" xfId="1" quotePrefix="1" applyFont="1" applyFill="1" applyBorder="1" applyAlignment="1" applyProtection="1"/>
    <xf numFmtId="38" fontId="3" fillId="0" borderId="122" xfId="1" applyFont="1" applyFill="1" applyBorder="1" applyAlignment="1" applyProtection="1"/>
    <xf numFmtId="38" fontId="3" fillId="0" borderId="123" xfId="1" applyFont="1" applyFill="1" applyBorder="1" applyAlignment="1" applyProtection="1"/>
    <xf numFmtId="38" fontId="3" fillId="0" borderId="124" xfId="1" applyFont="1" applyFill="1" applyBorder="1" applyAlignment="1" applyProtection="1"/>
    <xf numFmtId="38" fontId="3" fillId="0" borderId="115" xfId="1" applyFont="1" applyFill="1" applyBorder="1" applyAlignment="1" applyProtection="1"/>
    <xf numFmtId="38" fontId="3" fillId="0" borderId="126" xfId="1" applyFont="1" applyFill="1" applyBorder="1" applyAlignment="1" applyProtection="1"/>
    <xf numFmtId="38" fontId="3" fillId="0" borderId="127" xfId="1" applyFont="1" applyFill="1" applyBorder="1" applyAlignment="1" applyProtection="1"/>
    <xf numFmtId="38" fontId="3" fillId="0" borderId="130" xfId="1" quotePrefix="1" applyFont="1" applyFill="1" applyBorder="1" applyAlignment="1" applyProtection="1">
      <alignment vertical="center"/>
      <protection locked="0"/>
    </xf>
    <xf numFmtId="38" fontId="3" fillId="0" borderId="130" xfId="1" quotePrefix="1" applyFont="1" applyFill="1" applyBorder="1" applyAlignment="1" applyProtection="1">
      <protection locked="0"/>
    </xf>
    <xf numFmtId="38" fontId="3" fillId="0" borderId="131" xfId="1" quotePrefix="1" applyFont="1" applyFill="1" applyBorder="1" applyAlignment="1" applyProtection="1">
      <protection locked="0"/>
    </xf>
    <xf numFmtId="38" fontId="3" fillId="0" borderId="132" xfId="1" quotePrefix="1" applyFont="1" applyFill="1" applyBorder="1" applyAlignment="1" applyProtection="1"/>
    <xf numFmtId="38" fontId="3" fillId="0" borderId="130" xfId="1" quotePrefix="1" applyFont="1" applyFill="1" applyBorder="1" applyAlignment="1" applyProtection="1"/>
    <xf numFmtId="38" fontId="3" fillId="0" borderId="130" xfId="1" applyFont="1" applyFill="1" applyBorder="1" applyAlignment="1" applyProtection="1"/>
    <xf numFmtId="38" fontId="3" fillId="0" borderId="135" xfId="1" applyFont="1" applyFill="1" applyBorder="1" applyAlignment="1" applyProtection="1"/>
    <xf numFmtId="38" fontId="3" fillId="0" borderId="132" xfId="1" applyFont="1" applyFill="1" applyBorder="1" applyAlignment="1" applyProtection="1"/>
    <xf numFmtId="38" fontId="3" fillId="0" borderId="136" xfId="1" applyFont="1" applyFill="1" applyBorder="1" applyAlignment="1" applyProtection="1"/>
    <xf numFmtId="38" fontId="3" fillId="0" borderId="137" xfId="1" applyFont="1" applyFill="1" applyBorder="1" applyAlignment="1" applyProtection="1"/>
    <xf numFmtId="38" fontId="3" fillId="0" borderId="138" xfId="1" quotePrefix="1" applyFont="1" applyFill="1" applyBorder="1" applyAlignment="1" applyProtection="1"/>
    <xf numFmtId="38" fontId="3" fillId="0" borderId="133" xfId="1" quotePrefix="1" applyFont="1" applyFill="1" applyBorder="1" applyAlignment="1" applyProtection="1"/>
    <xf numFmtId="38" fontId="3" fillId="0" borderId="139" xfId="1" applyFont="1" applyFill="1" applyBorder="1" applyAlignment="1" applyProtection="1"/>
    <xf numFmtId="38" fontId="3" fillId="0" borderId="140" xfId="1" applyFont="1" applyFill="1" applyBorder="1" applyAlignment="1" applyProtection="1"/>
    <xf numFmtId="38" fontId="3" fillId="0" borderId="141" xfId="1" applyFont="1" applyFill="1" applyBorder="1" applyAlignment="1" applyProtection="1"/>
    <xf numFmtId="38" fontId="3" fillId="0" borderId="142" xfId="1" applyFont="1" applyFill="1" applyBorder="1" applyAlignment="1" applyProtection="1"/>
    <xf numFmtId="3" fontId="3" fillId="0" borderId="44" xfId="1" quotePrefix="1" applyNumberFormat="1" applyFont="1" applyFill="1" applyBorder="1" applyAlignment="1" applyProtection="1"/>
    <xf numFmtId="38" fontId="3" fillId="0" borderId="143" xfId="1" applyFont="1" applyFill="1" applyBorder="1" applyAlignment="1" applyProtection="1"/>
    <xf numFmtId="0" fontId="3" fillId="0" borderId="128" xfId="0" applyFont="1" applyFill="1" applyBorder="1" applyAlignment="1">
      <alignment horizontal="distributed" justifyLastLine="1"/>
    </xf>
    <xf numFmtId="0" fontId="3" fillId="0" borderId="129" xfId="0" applyFont="1" applyFill="1" applyBorder="1" applyAlignment="1">
      <alignment horizontal="distributed" justifyLastLine="1"/>
    </xf>
    <xf numFmtId="0" fontId="3" fillId="0" borderId="134" xfId="0" applyFont="1" applyFill="1" applyBorder="1" applyAlignment="1">
      <alignment horizontal="distributed" justifyLastLine="1"/>
    </xf>
    <xf numFmtId="0" fontId="3" fillId="0" borderId="112" xfId="0" applyFont="1" applyFill="1" applyBorder="1" applyAlignment="1">
      <alignment horizontal="distributed" justifyLastLine="1"/>
    </xf>
    <xf numFmtId="0" fontId="3" fillId="0" borderId="113" xfId="0" applyFont="1" applyFill="1" applyBorder="1" applyAlignment="1">
      <alignment horizontal="distributed" justifyLastLine="1"/>
    </xf>
    <xf numFmtId="0" fontId="3" fillId="0" borderId="118" xfId="0" applyFont="1" applyFill="1" applyBorder="1" applyAlignment="1">
      <alignment horizontal="distributed" justifyLastLine="1"/>
    </xf>
    <xf numFmtId="0" fontId="3" fillId="0" borderId="39" xfId="0" applyFont="1" applyFill="1" applyBorder="1" applyAlignment="1" applyProtection="1">
      <alignment horizontal="distributed" vertical="center" justifyLastLine="1"/>
    </xf>
    <xf numFmtId="0" fontId="3" fillId="0" borderId="38" xfId="0" applyFont="1" applyFill="1" applyBorder="1" applyAlignment="1">
      <alignment horizontal="distributed" vertical="center" justifyLastLine="1"/>
    </xf>
    <xf numFmtId="0" fontId="3" fillId="0" borderId="18" xfId="0" applyFont="1" applyFill="1" applyBorder="1" applyAlignment="1" applyProtection="1">
      <alignment horizontal="distributed" vertical="center" justifyLastLine="1"/>
    </xf>
    <xf numFmtId="0" fontId="3" fillId="0" borderId="18" xfId="0" applyFont="1" applyFill="1" applyBorder="1" applyAlignment="1">
      <alignment horizontal="center" vertical="center" justifyLastLine="1"/>
    </xf>
    <xf numFmtId="0" fontId="3" fillId="0" borderId="19" xfId="0" applyFont="1" applyFill="1" applyBorder="1" applyAlignment="1">
      <alignment horizontal="center" vertical="center" justifyLastLine="1"/>
    </xf>
    <xf numFmtId="0" fontId="3" fillId="0" borderId="38" xfId="0" applyFont="1" applyFill="1" applyBorder="1" applyAlignment="1">
      <alignment horizontal="center" vertical="center" justifyLastLine="1"/>
    </xf>
    <xf numFmtId="0" fontId="3" fillId="0" borderId="18" xfId="0" applyFont="1" applyFill="1" applyBorder="1" applyAlignment="1" applyProtection="1">
      <alignment horizontal="center" vertical="center"/>
    </xf>
    <xf numFmtId="0" fontId="3" fillId="0" borderId="52" xfId="0" applyFont="1" applyFill="1" applyBorder="1" applyAlignment="1" applyProtection="1">
      <alignment horizontal="center" vertical="center"/>
    </xf>
    <xf numFmtId="0" fontId="3" fillId="0" borderId="35" xfId="0" applyFont="1" applyFill="1" applyBorder="1" applyAlignment="1">
      <alignment horizontal="center" vertical="center" justifyLastLine="1"/>
    </xf>
    <xf numFmtId="0" fontId="3" fillId="0" borderId="43" xfId="0" applyFont="1" applyFill="1" applyBorder="1" applyAlignment="1">
      <alignment horizontal="center" vertical="center" justifyLastLine="1"/>
    </xf>
    <xf numFmtId="0" fontId="3" fillId="0" borderId="44" xfId="0" applyFont="1" applyFill="1" applyBorder="1" applyAlignment="1">
      <alignment horizontal="center" vertical="center" justifyLastLine="1"/>
    </xf>
    <xf numFmtId="0" fontId="3" fillId="0" borderId="44" xfId="0" applyFont="1" applyFill="1" applyBorder="1" applyAlignment="1" applyProtection="1">
      <alignment horizontal="distributed" vertical="center" justifyLastLine="1"/>
    </xf>
    <xf numFmtId="0" fontId="3" fillId="0" borderId="43" xfId="0" applyFont="1" applyFill="1" applyBorder="1" applyAlignment="1">
      <alignment horizontal="distributed" vertical="center" justifyLastLine="1"/>
    </xf>
    <xf numFmtId="0" fontId="3" fillId="0" borderId="33" xfId="0" applyFont="1" applyFill="1" applyBorder="1" applyAlignment="1">
      <alignment horizontal="distributed" vertical="center" justifyLastLine="1"/>
    </xf>
    <xf numFmtId="0" fontId="3" fillId="0" borderId="23" xfId="0" applyFont="1" applyFill="1" applyBorder="1" applyAlignment="1">
      <alignment horizontal="distributed" vertical="center" justifyLastLine="1"/>
    </xf>
    <xf numFmtId="0" fontId="3" fillId="0" borderId="47" xfId="0" applyFont="1" applyFill="1" applyBorder="1" applyAlignment="1">
      <alignment horizontal="distributed" vertical="center" justifyLastLine="1"/>
    </xf>
    <xf numFmtId="0" fontId="3" fillId="0" borderId="19" xfId="0" applyFont="1" applyFill="1" applyBorder="1" applyAlignment="1">
      <alignment horizontal="distributed" vertical="center" justifyLastLine="1"/>
    </xf>
    <xf numFmtId="0" fontId="3" fillId="0" borderId="20" xfId="0" applyFont="1" applyFill="1" applyBorder="1" applyAlignment="1">
      <alignment horizontal="distributed" vertical="center" justifyLastLine="1"/>
    </xf>
    <xf numFmtId="0" fontId="3" fillId="0" borderId="3" xfId="0" applyFont="1" applyFill="1" applyBorder="1" applyAlignment="1" applyProtection="1">
      <alignment horizontal="distributed" vertical="center" justifyLastLine="1"/>
    </xf>
    <xf numFmtId="0" fontId="3" fillId="0" borderId="6" xfId="0" applyFont="1" applyFill="1" applyBorder="1" applyAlignment="1" applyProtection="1">
      <alignment horizontal="distributed" vertical="center" justifyLastLine="1"/>
    </xf>
    <xf numFmtId="0" fontId="3" fillId="0" borderId="17" xfId="0" applyFont="1" applyFill="1" applyBorder="1" applyAlignment="1" applyProtection="1">
      <alignment horizontal="distributed" vertical="center" justifyLastLine="1"/>
    </xf>
    <xf numFmtId="0" fontId="3" fillId="0" borderId="22" xfId="0" applyFont="1" applyFill="1" applyBorder="1" applyAlignment="1" applyProtection="1">
      <alignment horizontal="distributed" vertical="center" justifyLastLine="1"/>
    </xf>
    <xf numFmtId="0" fontId="3" fillId="0" borderId="55" xfId="0" applyFont="1" applyFill="1" applyBorder="1" applyAlignment="1" applyProtection="1">
      <alignment horizontal="distributed" vertical="center" justifyLastLine="1"/>
    </xf>
    <xf numFmtId="0" fontId="3" fillId="0" borderId="67" xfId="0" applyFont="1" applyFill="1" applyBorder="1" applyAlignment="1" applyProtection="1">
      <alignment horizontal="distributed" vertical="center" justifyLastLine="1"/>
    </xf>
    <xf numFmtId="0" fontId="3" fillId="0" borderId="5" xfId="0" applyFont="1" applyFill="1" applyBorder="1" applyAlignment="1" applyProtection="1">
      <alignment horizontal="center" vertical="center"/>
    </xf>
    <xf numFmtId="0" fontId="3" fillId="0" borderId="4" xfId="0" applyFont="1" applyFill="1" applyBorder="1" applyAlignment="1" applyProtection="1">
      <alignment horizontal="center" vertical="center"/>
    </xf>
    <xf numFmtId="0" fontId="3" fillId="0" borderId="35" xfId="0" applyFont="1" applyFill="1" applyBorder="1" applyAlignment="1" applyProtection="1">
      <alignment horizontal="center" vertical="center"/>
    </xf>
    <xf numFmtId="0" fontId="3" fillId="0" borderId="33" xfId="0" applyFont="1" applyFill="1" applyBorder="1" applyAlignment="1" applyProtection="1">
      <alignment horizontal="center" vertical="center"/>
    </xf>
    <xf numFmtId="0" fontId="3" fillId="0" borderId="15" xfId="0" applyFont="1" applyFill="1" applyBorder="1" applyAlignment="1" applyProtection="1">
      <alignment horizontal="center" vertical="center" wrapText="1"/>
    </xf>
    <xf numFmtId="0" fontId="3" fillId="0" borderId="16" xfId="0" applyFont="1" applyFill="1" applyBorder="1" applyAlignment="1" applyProtection="1">
      <alignment horizontal="center" vertical="center" wrapText="1"/>
    </xf>
    <xf numFmtId="0" fontId="3" fillId="0" borderId="36" xfId="0" applyFont="1" applyFill="1" applyBorder="1" applyAlignment="1" applyProtection="1">
      <alignment horizontal="center" vertical="center" wrapText="1"/>
    </xf>
    <xf numFmtId="0" fontId="3" fillId="0" borderId="37" xfId="0" applyFont="1" applyFill="1" applyBorder="1" applyAlignment="1" applyProtection="1">
      <alignment horizontal="center" vertical="center" wrapText="1"/>
    </xf>
    <xf numFmtId="0" fontId="3" fillId="0" borderId="53" xfId="0" applyFont="1" applyFill="1" applyBorder="1" applyAlignment="1" applyProtection="1">
      <alignment horizontal="center" vertical="center" wrapText="1"/>
    </xf>
    <xf numFmtId="0" fontId="3" fillId="0" borderId="54" xfId="0" applyFont="1" applyFill="1" applyBorder="1" applyAlignment="1" applyProtection="1">
      <alignment horizontal="center" vertical="center" wrapText="1"/>
    </xf>
    <xf numFmtId="0" fontId="3" fillId="0" borderId="23" xfId="0" applyFont="1" applyFill="1" applyBorder="1" applyAlignment="1" applyProtection="1">
      <alignment horizontal="distributed" vertical="center" justifyLastLine="1"/>
    </xf>
    <xf numFmtId="0" fontId="3" fillId="0" borderId="24" xfId="0" applyFont="1" applyFill="1" applyBorder="1" applyAlignment="1" applyProtection="1">
      <alignment horizontal="distributed" vertical="center" justifyLastLine="1"/>
    </xf>
    <xf numFmtId="0" fontId="3" fillId="0" borderId="25" xfId="0" applyFont="1" applyFill="1" applyBorder="1" applyAlignment="1" applyProtection="1">
      <alignment horizontal="distributed" vertical="center" justifyLastLine="1"/>
    </xf>
    <xf numFmtId="0" fontId="3" fillId="0" borderId="40" xfId="0" applyFont="1" applyFill="1" applyBorder="1" applyAlignment="1" applyProtection="1">
      <alignment horizontal="distributed" vertical="center" justifyLastLine="1"/>
    </xf>
    <xf numFmtId="0" fontId="3" fillId="0" borderId="41" xfId="0" applyFont="1" applyFill="1" applyBorder="1" applyAlignment="1" applyProtection="1">
      <alignment horizontal="distributed" vertical="center" justifyLastLine="1"/>
    </xf>
    <xf numFmtId="0" fontId="3" fillId="0" borderId="42" xfId="0" applyFont="1" applyFill="1" applyBorder="1" applyAlignment="1" applyProtection="1">
      <alignment horizontal="distributed" vertical="center" justifyLastLine="1"/>
    </xf>
    <xf numFmtId="0" fontId="3" fillId="0" borderId="26" xfId="0" applyFont="1" applyFill="1" applyBorder="1" applyAlignment="1" applyProtection="1">
      <alignment horizontal="distributed" vertical="center" justifyLastLine="1"/>
    </xf>
    <xf numFmtId="0" fontId="3" fillId="0" borderId="27" xfId="0" applyFont="1" applyFill="1" applyBorder="1" applyAlignment="1" applyProtection="1">
      <alignment horizontal="distributed" vertical="center" justifyLastLine="1"/>
    </xf>
    <xf numFmtId="0" fontId="3" fillId="0" borderId="28" xfId="0" applyFont="1" applyFill="1" applyBorder="1" applyAlignment="1" applyProtection="1">
      <alignment horizontal="distributed" vertical="center" justifyLastLine="1"/>
    </xf>
    <xf numFmtId="0" fontId="3" fillId="0" borderId="35" xfId="0" applyFont="1" applyFill="1" applyBorder="1" applyAlignment="1" applyProtection="1">
      <alignment horizontal="distributed" vertical="center" justifyLastLine="1"/>
    </xf>
    <xf numFmtId="0" fontId="3" fillId="0" borderId="33" xfId="0" applyFont="1" applyFill="1" applyBorder="1" applyAlignment="1" applyProtection="1">
      <alignment horizontal="distributed" vertical="center" justifyLastLine="1"/>
    </xf>
    <xf numFmtId="0" fontId="3" fillId="0" borderId="43" xfId="0" applyFont="1" applyFill="1" applyBorder="1" applyAlignment="1" applyProtection="1">
      <alignment horizontal="distributed" vertical="center" justifyLastLine="1"/>
    </xf>
    <xf numFmtId="0" fontId="3" fillId="0" borderId="29" xfId="0" applyFont="1" applyFill="1" applyBorder="1" applyAlignment="1" applyProtection="1">
      <alignment horizontal="distributed" vertical="center" justifyLastLine="1"/>
    </xf>
    <xf numFmtId="0" fontId="3" fillId="0" borderId="30" xfId="0" applyFont="1" applyFill="1" applyBorder="1" applyAlignment="1" applyProtection="1">
      <alignment horizontal="distributed" vertical="center" justifyLastLine="1"/>
    </xf>
    <xf numFmtId="0" fontId="3" fillId="0" borderId="45" xfId="0" applyFont="1" applyFill="1" applyBorder="1" applyAlignment="1" applyProtection="1">
      <alignment horizontal="distributed" vertical="center" justifyLastLine="1"/>
    </xf>
    <xf numFmtId="0" fontId="4" fillId="0" borderId="31" xfId="0" applyFont="1" applyFill="1" applyBorder="1" applyAlignment="1" applyProtection="1">
      <alignment horizontal="center" vertical="center" wrapText="1" justifyLastLine="1"/>
    </xf>
    <xf numFmtId="0" fontId="4" fillId="0" borderId="46" xfId="0" applyFont="1" applyFill="1" applyBorder="1" applyAlignment="1" applyProtection="1">
      <alignment horizontal="center" vertical="center" wrapText="1" justifyLastLine="1"/>
    </xf>
    <xf numFmtId="0" fontId="3" fillId="0" borderId="19" xfId="0" applyFont="1" applyFill="1" applyBorder="1" applyAlignment="1" applyProtection="1">
      <alignment horizontal="center" vertical="center"/>
    </xf>
    <xf numFmtId="0" fontId="0" fillId="0" borderId="19" xfId="0" applyFont="1" applyBorder="1" applyAlignment="1">
      <alignment horizontal="center" vertical="center"/>
    </xf>
    <xf numFmtId="0" fontId="0" fillId="0" borderId="21" xfId="0" applyFont="1" applyBorder="1" applyAlignment="1">
      <alignment horizontal="center" vertical="center"/>
    </xf>
    <xf numFmtId="0" fontId="3" fillId="0" borderId="32" xfId="0" applyFont="1" applyFill="1" applyBorder="1" applyAlignment="1" applyProtection="1">
      <alignment horizontal="center" vertical="center" justifyLastLine="1"/>
    </xf>
    <xf numFmtId="0" fontId="3" fillId="0" borderId="22" xfId="0" applyFont="1" applyFill="1" applyBorder="1" applyAlignment="1" applyProtection="1">
      <alignment horizontal="center" vertical="center" justifyLastLine="1"/>
    </xf>
    <xf numFmtId="0" fontId="3" fillId="0" borderId="35" xfId="0" applyFont="1" applyFill="1" applyBorder="1" applyAlignment="1" applyProtection="1">
      <alignment horizontal="center" vertical="center" justifyLastLine="1"/>
    </xf>
    <xf numFmtId="0" fontId="3" fillId="0" borderId="48" xfId="0" applyFont="1" applyFill="1" applyBorder="1" applyAlignment="1" applyProtection="1">
      <alignment horizontal="center" vertical="center" justifyLastLine="1"/>
    </xf>
    <xf numFmtId="38" fontId="3" fillId="0" borderId="11" xfId="1" applyFont="1" applyFill="1" applyBorder="1" applyAlignment="1" applyProtection="1">
      <alignment horizontal="center" vertical="center"/>
    </xf>
    <xf numFmtId="38" fontId="3" fillId="0" borderId="12" xfId="1" applyFont="1" applyFill="1" applyBorder="1" applyAlignment="1" applyProtection="1">
      <alignment horizontal="center" vertical="center"/>
    </xf>
    <xf numFmtId="0" fontId="3" fillId="0" borderId="13" xfId="0" applyFont="1" applyFill="1" applyBorder="1" applyAlignment="1" applyProtection="1">
      <alignment horizontal="center" vertical="center" wrapText="1" justifyLastLine="1"/>
    </xf>
    <xf numFmtId="0" fontId="3" fillId="0" borderId="14" xfId="0" applyFont="1" applyFill="1" applyBorder="1" applyAlignment="1" applyProtection="1">
      <alignment horizontal="center" vertical="center" wrapText="1" justifyLastLine="1"/>
    </xf>
    <xf numFmtId="0" fontId="3" fillId="0" borderId="32" xfId="0" applyFont="1" applyFill="1" applyBorder="1" applyAlignment="1" applyProtection="1">
      <alignment horizontal="center" vertical="center" wrapText="1" justifyLastLine="1"/>
    </xf>
    <xf numFmtId="0" fontId="3" fillId="0" borderId="22" xfId="0" applyFont="1" applyFill="1" applyBorder="1" applyAlignment="1" applyProtection="1">
      <alignment horizontal="center" vertical="center" wrapText="1" justifyLastLine="1"/>
    </xf>
    <xf numFmtId="0" fontId="3" fillId="0" borderId="35" xfId="0" applyFont="1" applyFill="1" applyBorder="1" applyAlignment="1" applyProtection="1">
      <alignment horizontal="center" vertical="center" wrapText="1" justifyLastLine="1"/>
    </xf>
    <xf numFmtId="0" fontId="3" fillId="0" borderId="48" xfId="0" applyFont="1" applyFill="1" applyBorder="1" applyAlignment="1" applyProtection="1">
      <alignment horizontal="center" vertical="center" wrapText="1" justifyLastLine="1"/>
    </xf>
    <xf numFmtId="0" fontId="3" fillId="0" borderId="4" xfId="0" applyFont="1" applyFill="1" applyBorder="1" applyAlignment="1">
      <alignment horizontal="center" vertical="center"/>
    </xf>
    <xf numFmtId="0" fontId="3" fillId="0" borderId="33" xfId="0" applyFont="1" applyFill="1" applyBorder="1" applyAlignment="1">
      <alignment horizontal="center" vertical="center"/>
    </xf>
    <xf numFmtId="0" fontId="3" fillId="0" borderId="32" xfId="0" applyFont="1" applyFill="1" applyBorder="1" applyAlignment="1" applyProtection="1">
      <alignment horizontal="center" vertical="center"/>
    </xf>
    <xf numFmtId="0" fontId="3" fillId="0" borderId="0" xfId="0" applyFont="1" applyFill="1" applyBorder="1" applyAlignment="1" applyProtection="1">
      <alignment horizontal="center" vertical="center"/>
    </xf>
    <xf numFmtId="0" fontId="3" fillId="0" borderId="5" xfId="0" applyFont="1" applyFill="1" applyBorder="1" applyAlignment="1" applyProtection="1">
      <alignment horizontal="center" vertical="center" wrapText="1"/>
    </xf>
    <xf numFmtId="0" fontId="3" fillId="0" borderId="7" xfId="0" applyFont="1" applyFill="1" applyBorder="1" applyAlignment="1" applyProtection="1">
      <alignment horizontal="center" vertical="center" wrapText="1"/>
    </xf>
    <xf numFmtId="0" fontId="3" fillId="0" borderId="32" xfId="0" applyFont="1" applyFill="1" applyBorder="1" applyAlignment="1" applyProtection="1">
      <alignment horizontal="center" vertical="center" wrapText="1"/>
    </xf>
    <xf numFmtId="0" fontId="3" fillId="0" borderId="34" xfId="0" applyFont="1" applyFill="1" applyBorder="1" applyAlignment="1" applyProtection="1">
      <alignment horizontal="center" vertical="center" wrapText="1"/>
    </xf>
    <xf numFmtId="0" fontId="3" fillId="0" borderId="50" xfId="0" applyFont="1" applyFill="1" applyBorder="1" applyAlignment="1" applyProtection="1">
      <alignment horizontal="center" vertical="center" wrapText="1"/>
    </xf>
    <xf numFmtId="0" fontId="3" fillId="0" borderId="51" xfId="0" applyFont="1" applyFill="1" applyBorder="1" applyAlignment="1" applyProtection="1">
      <alignment horizontal="center" vertical="center" wrapText="1"/>
    </xf>
    <xf numFmtId="0" fontId="3" fillId="0" borderId="73" xfId="0" applyFont="1" applyFill="1" applyBorder="1" applyAlignment="1" applyProtection="1">
      <alignment horizontal="distributed" vertical="center" justifyLastLine="1"/>
    </xf>
    <xf numFmtId="0" fontId="3" fillId="0" borderId="49" xfId="0" applyFont="1" applyFill="1" applyBorder="1" applyAlignment="1" applyProtection="1">
      <alignment horizontal="center" vertical="center" justifyLastLine="1"/>
    </xf>
    <xf numFmtId="0" fontId="3" fillId="0" borderId="57" xfId="0" applyFont="1" applyFill="1" applyBorder="1" applyAlignment="1" applyProtection="1">
      <alignment horizontal="center" vertical="center" justifyLastLine="1"/>
    </xf>
    <xf numFmtId="0" fontId="3" fillId="0" borderId="29" xfId="0" applyFont="1" applyFill="1" applyBorder="1" applyAlignment="1" applyProtection="1">
      <alignment horizontal="center" vertical="center" justifyLastLine="1"/>
    </xf>
    <xf numFmtId="0" fontId="3" fillId="0" borderId="58" xfId="0" applyFont="1" applyFill="1" applyBorder="1" applyAlignment="1" applyProtection="1">
      <alignment horizontal="center" vertical="center" justifyLastLine="1"/>
    </xf>
    <xf numFmtId="0" fontId="3" fillId="0" borderId="0" xfId="0" applyFont="1" applyFill="1" applyBorder="1" applyAlignment="1" applyProtection="1">
      <alignment horizontal="right"/>
    </xf>
    <xf numFmtId="0" fontId="3" fillId="0" borderId="1" xfId="0" applyFont="1" applyFill="1" applyBorder="1" applyAlignment="1" applyProtection="1">
      <alignment horizontal="right"/>
    </xf>
    <xf numFmtId="0" fontId="3" fillId="0" borderId="2" xfId="0" applyFont="1" applyFill="1" applyBorder="1" applyAlignment="1" applyProtection="1">
      <alignment horizontal="right"/>
    </xf>
    <xf numFmtId="0" fontId="3" fillId="0" borderId="4" xfId="0" applyFont="1" applyFill="1" applyBorder="1" applyAlignment="1" applyProtection="1">
      <alignment horizontal="distributed" vertical="center" justifyLastLine="1"/>
    </xf>
    <xf numFmtId="0" fontId="3" fillId="0" borderId="0" xfId="0" applyFont="1" applyFill="1" applyBorder="1" applyAlignment="1" applyProtection="1">
      <alignment horizontal="distributed" vertical="center" justifyLastLine="1"/>
    </xf>
    <xf numFmtId="0" fontId="3" fillId="0" borderId="56" xfId="0" applyFont="1" applyFill="1" applyBorder="1" applyAlignment="1" applyProtection="1">
      <alignment horizontal="distributed" vertical="center" justifyLastLine="1"/>
    </xf>
    <xf numFmtId="0" fontId="3" fillId="0" borderId="62" xfId="0" applyFont="1" applyFill="1" applyBorder="1" applyAlignment="1" applyProtection="1">
      <alignment horizontal="distributed" vertical="center" justifyLastLine="1"/>
    </xf>
    <xf numFmtId="0" fontId="3" fillId="0" borderId="63" xfId="0" applyFont="1" applyFill="1" applyBorder="1" applyAlignment="1" applyProtection="1">
      <alignment horizontal="distributed" vertical="center" justifyLastLine="1"/>
    </xf>
    <xf numFmtId="0" fontId="3" fillId="0" borderId="8" xfId="0" applyFont="1" applyFill="1" applyBorder="1" applyAlignment="1" applyProtection="1">
      <alignment horizontal="center" vertical="center"/>
    </xf>
    <xf numFmtId="0" fontId="3" fillId="0" borderId="9" xfId="0" applyFont="1" applyFill="1" applyBorder="1" applyAlignment="1" applyProtection="1">
      <alignment horizontal="center" vertical="center"/>
    </xf>
    <xf numFmtId="0" fontId="3" fillId="0" borderId="10" xfId="0" applyFont="1" applyFill="1" applyBorder="1" applyAlignment="1" applyProtection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  <xf numFmtId="0" fontId="3" fillId="0" borderId="7" xfId="0" applyFont="1" applyFill="1" applyBorder="1" applyAlignment="1" applyProtection="1">
      <alignment horizontal="centerContinuous" vertical="center"/>
    </xf>
    <xf numFmtId="0" fontId="3" fillId="0" borderId="21" xfId="0" applyFont="1" applyFill="1" applyBorder="1" applyAlignment="1" applyProtection="1">
      <alignment horizontal="centerContinuous" vertical="center"/>
    </xf>
    <xf numFmtId="0" fontId="3" fillId="0" borderId="21" xfId="0" applyFont="1" applyFill="1" applyBorder="1" applyAlignment="1">
      <alignment horizontal="distributed" vertical="center" justifyLastLine="1"/>
    </xf>
    <xf numFmtId="38" fontId="3" fillId="0" borderId="144" xfId="1" applyFont="1" applyFill="1" applyBorder="1" applyAlignment="1" applyProtection="1"/>
    <xf numFmtId="38" fontId="3" fillId="0" borderId="133" xfId="1" applyFont="1" applyFill="1" applyBorder="1" applyAlignment="1" applyProtection="1"/>
  </cellXfs>
  <cellStyles count="3">
    <cellStyle name="桁区切り" xfId="1" builtinId="6"/>
    <cellStyle name="標準" xfId="0" builtinId="0"/>
    <cellStyle name="標準_事04統1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A49"/>
  <sheetViews>
    <sheetView tabSelected="1" view="pageBreakPreview" topLeftCell="A25" zoomScaleNormal="100" workbookViewId="0">
      <selection activeCell="J18" sqref="J18"/>
    </sheetView>
  </sheetViews>
  <sheetFormatPr defaultRowHeight="10.5" x14ac:dyDescent="0.15"/>
  <cols>
    <col min="1" max="1" width="3.625" style="3" customWidth="1"/>
    <col min="2" max="2" width="10" style="3" customWidth="1"/>
    <col min="3" max="3" width="9.375" style="3" customWidth="1"/>
    <col min="4" max="4" width="9.5" style="3" customWidth="1"/>
    <col min="5" max="5" width="14.375" style="3" customWidth="1"/>
    <col min="6" max="7" width="9.375" style="3" customWidth="1"/>
    <col min="8" max="8" width="14.375" style="3" customWidth="1"/>
    <col min="9" max="10" width="9.375" style="3" customWidth="1"/>
    <col min="11" max="11" width="14.375" style="3" customWidth="1"/>
    <col min="12" max="12" width="10" style="3" customWidth="1"/>
    <col min="13" max="13" width="9.375" style="3" customWidth="1"/>
    <col min="14" max="14" width="15.125" style="3" customWidth="1"/>
    <col min="15" max="15" width="3.625" style="3" customWidth="1"/>
    <col min="16" max="17" width="10" style="3" customWidth="1"/>
    <col min="18" max="18" width="10.625" style="3" customWidth="1"/>
    <col min="19" max="19" width="12.5" style="3" customWidth="1"/>
    <col min="20" max="20" width="10" style="3" customWidth="1"/>
    <col min="21" max="21" width="10.625" style="3" customWidth="1"/>
    <col min="22" max="22" width="12.5" style="3" customWidth="1"/>
    <col min="23" max="23" width="10" style="3" customWidth="1"/>
    <col min="24" max="24" width="10.625" style="3" customWidth="1"/>
    <col min="25" max="25" width="12.5" style="3" customWidth="1"/>
    <col min="26" max="26" width="12.375" style="3" customWidth="1"/>
    <col min="27" max="27" width="17.5" style="3" customWidth="1"/>
    <col min="28" max="28" width="3.625" style="3" customWidth="1"/>
    <col min="29" max="29" width="10" style="3" customWidth="1"/>
    <col min="30" max="30" width="6.625" style="3" customWidth="1"/>
    <col min="31" max="31" width="6.875" style="3" customWidth="1"/>
    <col min="32" max="32" width="11.25" style="3" customWidth="1"/>
    <col min="33" max="33" width="6.75" style="3" customWidth="1"/>
    <col min="34" max="34" width="11.25" style="3" customWidth="1"/>
    <col min="35" max="35" width="7.5" style="3" customWidth="1"/>
    <col min="36" max="36" width="11.25" style="3" customWidth="1"/>
    <col min="37" max="37" width="7.5" style="3" customWidth="1"/>
    <col min="38" max="38" width="11.25" style="3" customWidth="1"/>
    <col min="39" max="39" width="6.875" style="3" customWidth="1"/>
    <col min="40" max="40" width="11.25" style="3" customWidth="1"/>
    <col min="41" max="41" width="5.125" style="3" customWidth="1"/>
    <col min="42" max="42" width="9.75" style="3" customWidth="1"/>
    <col min="43" max="43" width="7.5" style="3" customWidth="1"/>
    <col min="44" max="44" width="11.875" style="3" customWidth="1"/>
    <col min="45" max="45" width="4.75" style="3" bestFit="1" customWidth="1"/>
    <col min="46" max="46" width="11" style="3" customWidth="1"/>
    <col min="47" max="47" width="3.625" style="3" customWidth="1"/>
    <col min="48" max="48" width="10" style="3" customWidth="1"/>
    <col min="49" max="49" width="6.25" style="3" customWidth="1"/>
    <col min="50" max="50" width="11.25" style="3" customWidth="1"/>
    <col min="51" max="51" width="10.625" style="3" customWidth="1"/>
    <col min="52" max="52" width="17.625" style="3" customWidth="1"/>
    <col min="53" max="53" width="16.25" style="3" customWidth="1"/>
    <col min="54" max="54" width="16.125" style="3" customWidth="1"/>
    <col min="55" max="55" width="13.75" style="3" customWidth="1"/>
    <col min="56" max="56" width="9.625" style="3" customWidth="1"/>
    <col min="57" max="57" width="14.375" style="3" customWidth="1"/>
    <col min="58" max="58" width="5.25" style="3" customWidth="1"/>
    <col min="59" max="59" width="10.75" style="3" customWidth="1"/>
    <col min="60" max="60" width="3.5" style="3" customWidth="1"/>
    <col min="61" max="61" width="10" style="3" customWidth="1"/>
    <col min="62" max="62" width="6.875" style="3" customWidth="1"/>
    <col min="63" max="63" width="12.5" style="3" customWidth="1"/>
    <col min="64" max="64" width="6.875" style="3" customWidth="1"/>
    <col min="65" max="65" width="12.5" style="3" customWidth="1"/>
    <col min="66" max="66" width="6.875" style="3" customWidth="1"/>
    <col min="67" max="67" width="9.875" style="3" customWidth="1"/>
    <col min="68" max="68" width="6.875" style="3" customWidth="1"/>
    <col min="69" max="69" width="8.5" style="3" customWidth="1"/>
    <col min="70" max="70" width="7" style="3" customWidth="1"/>
    <col min="71" max="71" width="10.625" style="3" customWidth="1"/>
    <col min="72" max="72" width="6.875" style="3" customWidth="1"/>
    <col min="73" max="73" width="13.75" style="3" customWidth="1"/>
    <col min="74" max="74" width="11.5" style="3" customWidth="1"/>
    <col min="75" max="75" width="14.75" style="3" customWidth="1"/>
    <col min="76" max="78" width="9" style="3"/>
    <col min="79" max="79" width="0" style="3" hidden="1" customWidth="1"/>
    <col min="80" max="16384" width="9" style="3"/>
  </cols>
  <sheetData>
    <row r="1" spans="1:79" s="104" customFormat="1" ht="18" customHeight="1" x14ac:dyDescent="0.15">
      <c r="A1" s="103" t="s">
        <v>0</v>
      </c>
      <c r="B1" s="103"/>
      <c r="D1" s="103"/>
      <c r="E1" s="103"/>
      <c r="F1" s="103"/>
      <c r="G1" s="103"/>
      <c r="H1" s="103"/>
      <c r="I1" s="103"/>
      <c r="J1" s="103"/>
      <c r="K1" s="103"/>
      <c r="L1" s="103"/>
      <c r="M1" s="103"/>
      <c r="N1" s="231" t="s">
        <v>1</v>
      </c>
      <c r="O1" s="103" t="s">
        <v>2</v>
      </c>
      <c r="P1" s="103"/>
      <c r="Q1" s="103"/>
      <c r="R1" s="103"/>
      <c r="S1" s="103"/>
      <c r="T1" s="103"/>
      <c r="U1" s="103"/>
      <c r="V1" s="103"/>
      <c r="W1" s="103"/>
      <c r="X1" s="103"/>
      <c r="Y1" s="103"/>
      <c r="Z1" s="103"/>
      <c r="AA1" s="231" t="s">
        <v>1</v>
      </c>
      <c r="AB1" s="103" t="s">
        <v>3</v>
      </c>
      <c r="AC1" s="103"/>
      <c r="AE1" s="103"/>
      <c r="AF1" s="103"/>
      <c r="AG1" s="103"/>
      <c r="AH1" s="103"/>
      <c r="AI1" s="103"/>
      <c r="AJ1" s="103"/>
      <c r="AK1" s="103"/>
      <c r="AL1" s="103"/>
      <c r="AM1" s="103"/>
      <c r="AN1" s="103"/>
      <c r="AO1" s="103"/>
      <c r="AP1" s="103"/>
      <c r="AQ1" s="103"/>
      <c r="AR1" s="231" t="s">
        <v>1</v>
      </c>
      <c r="AS1" s="1"/>
      <c r="AT1" s="1"/>
      <c r="AU1" s="103" t="s">
        <v>4</v>
      </c>
      <c r="AV1" s="103"/>
      <c r="AW1" s="103"/>
      <c r="AX1" s="103"/>
      <c r="AY1" s="105"/>
      <c r="AZ1" s="103"/>
      <c r="BB1" s="103"/>
      <c r="BC1" s="103"/>
      <c r="BD1" s="103"/>
      <c r="BE1" s="106"/>
      <c r="BF1" s="106"/>
      <c r="BG1" s="231" t="s">
        <v>1</v>
      </c>
      <c r="BH1" s="103" t="s">
        <v>5</v>
      </c>
      <c r="BI1" s="103"/>
      <c r="BK1" s="103"/>
      <c r="BL1" s="103"/>
      <c r="BM1" s="103"/>
      <c r="BN1" s="103"/>
      <c r="BO1" s="103"/>
      <c r="BP1" s="103"/>
      <c r="BQ1" s="103"/>
      <c r="BR1" s="103"/>
      <c r="BS1" s="103"/>
      <c r="BT1" s="103"/>
      <c r="BU1" s="103"/>
      <c r="BV1" s="103"/>
      <c r="BW1" s="231" t="s">
        <v>1</v>
      </c>
    </row>
    <row r="2" spans="1:79" ht="12" customHeight="1" thickBot="1" x14ac:dyDescent="0.2">
      <c r="A2" s="2"/>
      <c r="B2" s="2"/>
      <c r="D2" s="2"/>
      <c r="E2" s="2"/>
      <c r="F2" s="2"/>
      <c r="G2" s="2"/>
      <c r="H2" s="2"/>
      <c r="I2" s="2"/>
      <c r="J2" s="2"/>
      <c r="K2" s="2"/>
      <c r="L2" s="2"/>
      <c r="M2" s="2"/>
      <c r="N2" s="23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32"/>
      <c r="AB2" s="2"/>
      <c r="AC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2"/>
      <c r="AP2" s="2"/>
      <c r="AQ2" s="2"/>
      <c r="AR2" s="232"/>
      <c r="AS2" s="1"/>
      <c r="AT2" s="1"/>
      <c r="AU2" s="2"/>
      <c r="AV2" s="2"/>
      <c r="AW2" s="2"/>
      <c r="AX2" s="2"/>
      <c r="AY2" s="4"/>
      <c r="AZ2" s="2"/>
      <c r="BB2" s="2"/>
      <c r="BC2" s="2"/>
      <c r="BD2" s="2"/>
      <c r="BE2" s="5"/>
      <c r="BF2" s="5"/>
      <c r="BG2" s="232"/>
      <c r="BH2" s="2"/>
      <c r="BI2" s="2"/>
      <c r="BK2" s="2"/>
      <c r="BL2" s="2"/>
      <c r="BM2" s="2"/>
      <c r="BN2" s="2"/>
      <c r="BO2" s="5"/>
      <c r="BP2" s="2"/>
      <c r="BQ2" s="2"/>
      <c r="BR2" s="2"/>
      <c r="BS2" s="2"/>
      <c r="BT2" s="2"/>
      <c r="BU2" s="5"/>
      <c r="BV2" s="2"/>
      <c r="BW2" s="233"/>
    </row>
    <row r="3" spans="1:79" s="9" customFormat="1" ht="10.5" customHeight="1" x14ac:dyDescent="0.15">
      <c r="A3" s="168" t="s">
        <v>6</v>
      </c>
      <c r="B3" s="234"/>
      <c r="C3" s="6" t="s">
        <v>7</v>
      </c>
      <c r="D3" s="7"/>
      <c r="E3" s="7"/>
      <c r="F3" s="7"/>
      <c r="G3" s="7"/>
      <c r="H3" s="8"/>
      <c r="I3" s="7"/>
      <c r="J3" s="7"/>
      <c r="K3" s="7"/>
      <c r="L3" s="7"/>
      <c r="M3" s="7"/>
      <c r="N3" s="244"/>
      <c r="O3" s="168" t="s">
        <v>6</v>
      </c>
      <c r="P3" s="169"/>
      <c r="Q3" s="239" t="s">
        <v>8</v>
      </c>
      <c r="R3" s="240"/>
      <c r="S3" s="240"/>
      <c r="T3" s="240"/>
      <c r="U3" s="240"/>
      <c r="V3" s="240"/>
      <c r="W3" s="240"/>
      <c r="X3" s="240"/>
      <c r="Y3" s="240"/>
      <c r="Z3" s="240"/>
      <c r="AA3" s="241"/>
      <c r="AB3" s="168" t="s">
        <v>6</v>
      </c>
      <c r="AC3" s="169"/>
      <c r="AD3" s="174" t="s">
        <v>9</v>
      </c>
      <c r="AE3" s="175"/>
      <c r="AF3" s="175"/>
      <c r="AG3" s="175"/>
      <c r="AH3" s="175"/>
      <c r="AI3" s="175"/>
      <c r="AJ3" s="175"/>
      <c r="AK3" s="175"/>
      <c r="AL3" s="175"/>
      <c r="AM3" s="175"/>
      <c r="AN3" s="175"/>
      <c r="AO3" s="175"/>
      <c r="AP3" s="175"/>
      <c r="AQ3" s="175"/>
      <c r="AR3" s="175"/>
      <c r="AS3" s="242"/>
      <c r="AT3" s="243"/>
      <c r="AU3" s="168" t="s">
        <v>6</v>
      </c>
      <c r="AV3" s="169"/>
      <c r="AW3" s="208" t="s">
        <v>10</v>
      </c>
      <c r="AX3" s="209"/>
      <c r="AY3" s="210" t="s">
        <v>11</v>
      </c>
      <c r="AZ3" s="211"/>
      <c r="BA3" s="175" t="s">
        <v>12</v>
      </c>
      <c r="BB3" s="216"/>
      <c r="BC3" s="216"/>
      <c r="BD3" s="174" t="s">
        <v>13</v>
      </c>
      <c r="BE3" s="175"/>
      <c r="BF3" s="220" t="s">
        <v>14</v>
      </c>
      <c r="BG3" s="221"/>
      <c r="BH3" s="168" t="s">
        <v>6</v>
      </c>
      <c r="BI3" s="169"/>
      <c r="BJ3" s="174" t="s">
        <v>15</v>
      </c>
      <c r="BK3" s="175"/>
      <c r="BL3" s="175"/>
      <c r="BM3" s="175"/>
      <c r="BN3" s="175"/>
      <c r="BO3" s="175"/>
      <c r="BP3" s="175"/>
      <c r="BQ3" s="175"/>
      <c r="BR3" s="175"/>
      <c r="BS3" s="175"/>
      <c r="BT3" s="175"/>
      <c r="BU3" s="175"/>
      <c r="BV3" s="178" t="s">
        <v>16</v>
      </c>
      <c r="BW3" s="179"/>
    </row>
    <row r="4" spans="1:79" s="9" customFormat="1" ht="10.5" customHeight="1" x14ac:dyDescent="0.15">
      <c r="A4" s="170"/>
      <c r="B4" s="235"/>
      <c r="C4" s="10" t="s">
        <v>17</v>
      </c>
      <c r="D4" s="11"/>
      <c r="E4" s="11"/>
      <c r="F4" s="11"/>
      <c r="G4" s="11"/>
      <c r="H4" s="12"/>
      <c r="I4" s="11"/>
      <c r="J4" s="11"/>
      <c r="K4" s="11"/>
      <c r="L4" s="11"/>
      <c r="M4" s="11"/>
      <c r="N4" s="245"/>
      <c r="O4" s="170"/>
      <c r="P4" s="171"/>
      <c r="Q4" s="184" t="s">
        <v>18</v>
      </c>
      <c r="R4" s="185"/>
      <c r="S4" s="186"/>
      <c r="T4" s="190" t="s">
        <v>19</v>
      </c>
      <c r="U4" s="191"/>
      <c r="V4" s="192"/>
      <c r="W4" s="196" t="s">
        <v>20</v>
      </c>
      <c r="X4" s="191"/>
      <c r="Y4" s="192"/>
      <c r="Z4" s="196" t="s">
        <v>21</v>
      </c>
      <c r="AA4" s="197"/>
      <c r="AB4" s="170"/>
      <c r="AC4" s="171"/>
      <c r="AD4" s="199" t="s">
        <v>22</v>
      </c>
      <c r="AE4" s="156" t="s">
        <v>23</v>
      </c>
      <c r="AF4" s="201"/>
      <c r="AG4" s="201"/>
      <c r="AH4" s="201"/>
      <c r="AI4" s="201"/>
      <c r="AJ4" s="201"/>
      <c r="AK4" s="201"/>
      <c r="AL4" s="201"/>
      <c r="AM4" s="201"/>
      <c r="AN4" s="201"/>
      <c r="AO4" s="201"/>
      <c r="AP4" s="201"/>
      <c r="AQ4" s="201"/>
      <c r="AR4" s="201"/>
      <c r="AS4" s="202"/>
      <c r="AT4" s="203"/>
      <c r="AU4" s="170"/>
      <c r="AV4" s="171"/>
      <c r="AW4" s="204" t="s">
        <v>24</v>
      </c>
      <c r="AX4" s="205"/>
      <c r="AY4" s="212"/>
      <c r="AZ4" s="213"/>
      <c r="BA4" s="217"/>
      <c r="BB4" s="217"/>
      <c r="BC4" s="217"/>
      <c r="BD4" s="218"/>
      <c r="BE4" s="219"/>
      <c r="BF4" s="222"/>
      <c r="BG4" s="223"/>
      <c r="BH4" s="170"/>
      <c r="BI4" s="171"/>
      <c r="BJ4" s="176"/>
      <c r="BK4" s="177"/>
      <c r="BL4" s="177"/>
      <c r="BM4" s="177"/>
      <c r="BN4" s="177"/>
      <c r="BO4" s="177"/>
      <c r="BP4" s="177"/>
      <c r="BQ4" s="177"/>
      <c r="BR4" s="177"/>
      <c r="BS4" s="177"/>
      <c r="BT4" s="177"/>
      <c r="BU4" s="177"/>
      <c r="BV4" s="180"/>
      <c r="BW4" s="181"/>
    </row>
    <row r="5" spans="1:79" s="9" customFormat="1" ht="10.5" customHeight="1" x14ac:dyDescent="0.15">
      <c r="A5" s="170"/>
      <c r="B5" s="235"/>
      <c r="C5" s="152" t="s">
        <v>25</v>
      </c>
      <c r="D5" s="166"/>
      <c r="E5" s="151"/>
      <c r="F5" s="152" t="s">
        <v>26</v>
      </c>
      <c r="G5" s="166"/>
      <c r="H5" s="167"/>
      <c r="I5" s="150" t="s">
        <v>27</v>
      </c>
      <c r="J5" s="166"/>
      <c r="K5" s="151"/>
      <c r="L5" s="152" t="s">
        <v>28</v>
      </c>
      <c r="M5" s="166"/>
      <c r="N5" s="246"/>
      <c r="O5" s="170"/>
      <c r="P5" s="171"/>
      <c r="Q5" s="187"/>
      <c r="R5" s="188"/>
      <c r="S5" s="189"/>
      <c r="T5" s="193"/>
      <c r="U5" s="194"/>
      <c r="V5" s="195"/>
      <c r="W5" s="161"/>
      <c r="X5" s="194"/>
      <c r="Y5" s="195"/>
      <c r="Z5" s="161"/>
      <c r="AA5" s="198"/>
      <c r="AB5" s="170"/>
      <c r="AC5" s="171"/>
      <c r="AD5" s="200"/>
      <c r="AE5" s="161" t="s">
        <v>29</v>
      </c>
      <c r="AF5" s="162"/>
      <c r="AG5" s="161" t="s">
        <v>30</v>
      </c>
      <c r="AH5" s="163"/>
      <c r="AI5" s="158" t="s">
        <v>31</v>
      </c>
      <c r="AJ5" s="159"/>
      <c r="AK5" s="160" t="s">
        <v>32</v>
      </c>
      <c r="AL5" s="159"/>
      <c r="AM5" s="160" t="s">
        <v>33</v>
      </c>
      <c r="AN5" s="159"/>
      <c r="AO5" s="161" t="s">
        <v>34</v>
      </c>
      <c r="AP5" s="162"/>
      <c r="AQ5" s="161" t="s">
        <v>28</v>
      </c>
      <c r="AR5" s="163"/>
      <c r="AS5" s="164" t="s">
        <v>35</v>
      </c>
      <c r="AT5" s="165"/>
      <c r="AU5" s="170"/>
      <c r="AV5" s="171"/>
      <c r="AW5" s="206"/>
      <c r="AX5" s="207"/>
      <c r="AY5" s="214"/>
      <c r="AZ5" s="215"/>
      <c r="BA5" s="192" t="s">
        <v>36</v>
      </c>
      <c r="BB5" s="227" t="s">
        <v>37</v>
      </c>
      <c r="BC5" s="229" t="s">
        <v>38</v>
      </c>
      <c r="BD5" s="176"/>
      <c r="BE5" s="177"/>
      <c r="BF5" s="224"/>
      <c r="BG5" s="225"/>
      <c r="BH5" s="170"/>
      <c r="BI5" s="171"/>
      <c r="BJ5" s="150" t="s">
        <v>39</v>
      </c>
      <c r="BK5" s="151"/>
      <c r="BL5" s="152" t="s">
        <v>40</v>
      </c>
      <c r="BM5" s="151"/>
      <c r="BN5" s="153" t="s">
        <v>41</v>
      </c>
      <c r="BO5" s="154"/>
      <c r="BP5" s="153" t="s">
        <v>42</v>
      </c>
      <c r="BQ5" s="155"/>
      <c r="BR5" s="152" t="s">
        <v>43</v>
      </c>
      <c r="BS5" s="151"/>
      <c r="BT5" s="156" t="s">
        <v>44</v>
      </c>
      <c r="BU5" s="157"/>
      <c r="BV5" s="182"/>
      <c r="BW5" s="183"/>
    </row>
    <row r="6" spans="1:79" s="9" customFormat="1" ht="10.5" customHeight="1" thickBot="1" x14ac:dyDescent="0.2">
      <c r="A6" s="172"/>
      <c r="B6" s="236"/>
      <c r="C6" s="13" t="s">
        <v>45</v>
      </c>
      <c r="D6" s="14" t="s">
        <v>46</v>
      </c>
      <c r="E6" s="15" t="s">
        <v>47</v>
      </c>
      <c r="F6" s="13" t="s">
        <v>45</v>
      </c>
      <c r="G6" s="14" t="s">
        <v>46</v>
      </c>
      <c r="H6" s="16" t="s">
        <v>47</v>
      </c>
      <c r="I6" s="17" t="s">
        <v>45</v>
      </c>
      <c r="J6" s="14" t="s">
        <v>46</v>
      </c>
      <c r="K6" s="15" t="s">
        <v>47</v>
      </c>
      <c r="L6" s="13" t="s">
        <v>45</v>
      </c>
      <c r="M6" s="14" t="s">
        <v>46</v>
      </c>
      <c r="N6" s="18" t="s">
        <v>47</v>
      </c>
      <c r="O6" s="237"/>
      <c r="P6" s="238"/>
      <c r="Q6" s="19" t="s">
        <v>45</v>
      </c>
      <c r="R6" s="20" t="s">
        <v>48</v>
      </c>
      <c r="S6" s="21" t="s">
        <v>47</v>
      </c>
      <c r="T6" s="17" t="s">
        <v>45</v>
      </c>
      <c r="U6" s="14" t="s">
        <v>46</v>
      </c>
      <c r="V6" s="13" t="s">
        <v>47</v>
      </c>
      <c r="W6" s="13" t="s">
        <v>49</v>
      </c>
      <c r="X6" s="14" t="s">
        <v>46</v>
      </c>
      <c r="Y6" s="15" t="s">
        <v>47</v>
      </c>
      <c r="Z6" s="13" t="s">
        <v>50</v>
      </c>
      <c r="AA6" s="18" t="s">
        <v>47</v>
      </c>
      <c r="AB6" s="172"/>
      <c r="AC6" s="173"/>
      <c r="AD6" s="13" t="s">
        <v>50</v>
      </c>
      <c r="AE6" s="13" t="s">
        <v>50</v>
      </c>
      <c r="AF6" s="22" t="s">
        <v>47</v>
      </c>
      <c r="AG6" s="13" t="s">
        <v>50</v>
      </c>
      <c r="AH6" s="23" t="s">
        <v>47</v>
      </c>
      <c r="AI6" s="17" t="s">
        <v>50</v>
      </c>
      <c r="AJ6" s="22" t="s">
        <v>47</v>
      </c>
      <c r="AK6" s="13" t="s">
        <v>51</v>
      </c>
      <c r="AL6" s="22" t="s">
        <v>47</v>
      </c>
      <c r="AM6" s="13" t="s">
        <v>51</v>
      </c>
      <c r="AN6" s="22" t="s">
        <v>47</v>
      </c>
      <c r="AO6" s="13" t="s">
        <v>51</v>
      </c>
      <c r="AP6" s="22" t="s">
        <v>47</v>
      </c>
      <c r="AQ6" s="13" t="s">
        <v>51</v>
      </c>
      <c r="AR6" s="23" t="s">
        <v>52</v>
      </c>
      <c r="AS6" s="24" t="s">
        <v>53</v>
      </c>
      <c r="AT6" s="25" t="s">
        <v>54</v>
      </c>
      <c r="AU6" s="172"/>
      <c r="AV6" s="173"/>
      <c r="AW6" s="13" t="s">
        <v>51</v>
      </c>
      <c r="AX6" s="23" t="s">
        <v>47</v>
      </c>
      <c r="AY6" s="17" t="s">
        <v>50</v>
      </c>
      <c r="AZ6" s="26" t="s">
        <v>47</v>
      </c>
      <c r="BA6" s="226"/>
      <c r="BB6" s="228"/>
      <c r="BC6" s="230"/>
      <c r="BD6" s="24" t="s">
        <v>45</v>
      </c>
      <c r="BE6" s="15" t="s">
        <v>55</v>
      </c>
      <c r="BF6" s="27" t="s">
        <v>45</v>
      </c>
      <c r="BG6" s="28" t="s">
        <v>55</v>
      </c>
      <c r="BH6" s="172"/>
      <c r="BI6" s="173"/>
      <c r="BJ6" s="15" t="s">
        <v>45</v>
      </c>
      <c r="BK6" s="15" t="s">
        <v>47</v>
      </c>
      <c r="BL6" s="15" t="s">
        <v>45</v>
      </c>
      <c r="BM6" s="15" t="s">
        <v>47</v>
      </c>
      <c r="BN6" s="15" t="s">
        <v>45</v>
      </c>
      <c r="BO6" s="15" t="s">
        <v>56</v>
      </c>
      <c r="BP6" s="15" t="s">
        <v>45</v>
      </c>
      <c r="BQ6" s="15" t="s">
        <v>56</v>
      </c>
      <c r="BR6" s="15" t="s">
        <v>45</v>
      </c>
      <c r="BS6" s="13" t="s">
        <v>56</v>
      </c>
      <c r="BT6" s="15" t="s">
        <v>45</v>
      </c>
      <c r="BU6" s="15" t="s">
        <v>56</v>
      </c>
      <c r="BV6" s="29" t="s">
        <v>45</v>
      </c>
      <c r="BW6" s="30" t="s">
        <v>47</v>
      </c>
    </row>
    <row r="7" spans="1:79" s="9" customFormat="1" ht="12.95" customHeight="1" thickTop="1" x14ac:dyDescent="0.15">
      <c r="A7" s="31">
        <v>1</v>
      </c>
      <c r="B7" s="32" t="s">
        <v>57</v>
      </c>
      <c r="C7" s="33">
        <v>159063</v>
      </c>
      <c r="D7" s="33">
        <v>2224011</v>
      </c>
      <c r="E7" s="33">
        <v>90759362140</v>
      </c>
      <c r="F7" s="33">
        <v>7046563</v>
      </c>
      <c r="G7" s="33">
        <v>11162691</v>
      </c>
      <c r="H7" s="34">
        <v>97134264803</v>
      </c>
      <c r="I7" s="35">
        <v>1627177</v>
      </c>
      <c r="J7" s="36">
        <v>3081318</v>
      </c>
      <c r="K7" s="36">
        <v>21450585880</v>
      </c>
      <c r="L7" s="37">
        <v>8832803</v>
      </c>
      <c r="M7" s="37">
        <v>16468020</v>
      </c>
      <c r="N7" s="247">
        <v>209344212823</v>
      </c>
      <c r="O7" s="31">
        <v>1</v>
      </c>
      <c r="P7" s="38" t="s">
        <v>57</v>
      </c>
      <c r="Q7" s="35">
        <v>5117502</v>
      </c>
      <c r="R7" s="36">
        <v>6204793</v>
      </c>
      <c r="S7" s="36">
        <v>58779185490</v>
      </c>
      <c r="T7" s="35">
        <v>149682</v>
      </c>
      <c r="U7" s="36">
        <v>5613373</v>
      </c>
      <c r="V7" s="36">
        <v>3728253033</v>
      </c>
      <c r="W7" s="35">
        <v>21015</v>
      </c>
      <c r="X7" s="36">
        <v>134438</v>
      </c>
      <c r="Y7" s="36">
        <v>1444577430</v>
      </c>
      <c r="Z7" s="37">
        <v>13971320</v>
      </c>
      <c r="AA7" s="39">
        <v>273296228776</v>
      </c>
      <c r="AB7" s="31">
        <v>1</v>
      </c>
      <c r="AC7" s="40" t="s">
        <v>57</v>
      </c>
      <c r="AD7" s="35">
        <v>1453</v>
      </c>
      <c r="AE7" s="36">
        <v>12863</v>
      </c>
      <c r="AF7" s="36">
        <v>233112292</v>
      </c>
      <c r="AG7" s="36">
        <v>6250</v>
      </c>
      <c r="AH7" s="36">
        <v>231842016</v>
      </c>
      <c r="AI7" s="36">
        <v>328395</v>
      </c>
      <c r="AJ7" s="36">
        <v>2604466729</v>
      </c>
      <c r="AK7" s="36">
        <v>22102</v>
      </c>
      <c r="AL7" s="36">
        <v>657725282</v>
      </c>
      <c r="AM7" s="36">
        <v>16194</v>
      </c>
      <c r="AN7" s="36">
        <v>226699152</v>
      </c>
      <c r="AO7" s="36">
        <v>0</v>
      </c>
      <c r="AP7" s="36">
        <v>0</v>
      </c>
      <c r="AQ7" s="37">
        <v>385804</v>
      </c>
      <c r="AR7" s="37">
        <v>3953845471</v>
      </c>
      <c r="AS7" s="41">
        <v>845</v>
      </c>
      <c r="AT7" s="42">
        <v>55971454</v>
      </c>
      <c r="AU7" s="31">
        <v>1</v>
      </c>
      <c r="AV7" s="32" t="s">
        <v>57</v>
      </c>
      <c r="AW7" s="35">
        <v>36</v>
      </c>
      <c r="AX7" s="36">
        <v>1840252</v>
      </c>
      <c r="AY7" s="41">
        <v>14358613</v>
      </c>
      <c r="AZ7" s="43">
        <v>277251914499</v>
      </c>
      <c r="BA7" s="44">
        <v>202189259507</v>
      </c>
      <c r="BB7" s="35">
        <v>64934336487</v>
      </c>
      <c r="BC7" s="36">
        <v>10128318505</v>
      </c>
      <c r="BD7" s="35">
        <v>546865</v>
      </c>
      <c r="BE7" s="36">
        <v>26782701152</v>
      </c>
      <c r="BF7" s="36">
        <v>817</v>
      </c>
      <c r="BG7" s="45">
        <v>16447223</v>
      </c>
      <c r="BH7" s="31">
        <v>1</v>
      </c>
      <c r="BI7" s="46" t="s">
        <v>57</v>
      </c>
      <c r="BJ7" s="35">
        <v>3706</v>
      </c>
      <c r="BK7" s="35">
        <v>1388480696</v>
      </c>
      <c r="BL7" s="35">
        <v>4562</v>
      </c>
      <c r="BM7" s="35">
        <v>228100000</v>
      </c>
      <c r="BN7" s="35">
        <v>0</v>
      </c>
      <c r="BO7" s="35">
        <v>0</v>
      </c>
      <c r="BP7" s="35">
        <v>0</v>
      </c>
      <c r="BQ7" s="35">
        <v>0</v>
      </c>
      <c r="BR7" s="35">
        <v>12</v>
      </c>
      <c r="BS7" s="35">
        <v>7500000</v>
      </c>
      <c r="BT7" s="37">
        <v>8280</v>
      </c>
      <c r="BU7" s="37">
        <v>1624080696</v>
      </c>
      <c r="BV7" s="47">
        <v>14366893</v>
      </c>
      <c r="BW7" s="48">
        <v>278875995195</v>
      </c>
      <c r="CA7" s="49" t="e">
        <v>#REF!</v>
      </c>
    </row>
    <row r="8" spans="1:79" s="9" customFormat="1" ht="12.95" customHeight="1" x14ac:dyDescent="0.15">
      <c r="A8" s="31">
        <v>2</v>
      </c>
      <c r="B8" s="50" t="s">
        <v>58</v>
      </c>
      <c r="C8" s="33">
        <v>59096</v>
      </c>
      <c r="D8" s="33">
        <v>826698</v>
      </c>
      <c r="E8" s="33">
        <v>34051719838</v>
      </c>
      <c r="F8" s="33">
        <v>2452273</v>
      </c>
      <c r="G8" s="33">
        <v>3962920</v>
      </c>
      <c r="H8" s="34">
        <v>34172522519</v>
      </c>
      <c r="I8" s="35">
        <v>580813</v>
      </c>
      <c r="J8" s="36">
        <v>1102219</v>
      </c>
      <c r="K8" s="36">
        <v>7564084748</v>
      </c>
      <c r="L8" s="37">
        <v>3092182</v>
      </c>
      <c r="M8" s="37">
        <v>5891837</v>
      </c>
      <c r="N8" s="39">
        <v>75788327105</v>
      </c>
      <c r="O8" s="31">
        <v>2</v>
      </c>
      <c r="P8" s="38" t="s">
        <v>58</v>
      </c>
      <c r="Q8" s="35">
        <v>1824059</v>
      </c>
      <c r="R8" s="36">
        <v>2240683</v>
      </c>
      <c r="S8" s="36">
        <v>21535469883</v>
      </c>
      <c r="T8" s="35">
        <v>55836</v>
      </c>
      <c r="U8" s="36">
        <v>2087076</v>
      </c>
      <c r="V8" s="36">
        <v>1393057905</v>
      </c>
      <c r="W8" s="35">
        <v>6207</v>
      </c>
      <c r="X8" s="36">
        <v>42187</v>
      </c>
      <c r="Y8" s="36">
        <v>435423547</v>
      </c>
      <c r="Z8" s="37">
        <v>4922448</v>
      </c>
      <c r="AA8" s="39">
        <v>99152278440</v>
      </c>
      <c r="AB8" s="31">
        <v>2</v>
      </c>
      <c r="AC8" s="38" t="s">
        <v>58</v>
      </c>
      <c r="AD8" s="35">
        <v>2468</v>
      </c>
      <c r="AE8" s="36">
        <v>5945</v>
      </c>
      <c r="AF8" s="36">
        <v>104911443</v>
      </c>
      <c r="AG8" s="36">
        <v>2300</v>
      </c>
      <c r="AH8" s="36">
        <v>82054560</v>
      </c>
      <c r="AI8" s="36">
        <v>129908</v>
      </c>
      <c r="AJ8" s="36">
        <v>1020713773</v>
      </c>
      <c r="AK8" s="36">
        <v>10818</v>
      </c>
      <c r="AL8" s="36">
        <v>345346828</v>
      </c>
      <c r="AM8" s="36">
        <v>6705</v>
      </c>
      <c r="AN8" s="36">
        <v>101900965</v>
      </c>
      <c r="AO8" s="36">
        <v>0</v>
      </c>
      <c r="AP8" s="36">
        <v>0</v>
      </c>
      <c r="AQ8" s="37">
        <v>155676</v>
      </c>
      <c r="AR8" s="37">
        <v>1654927569</v>
      </c>
      <c r="AS8" s="51">
        <v>235</v>
      </c>
      <c r="AT8" s="52">
        <v>8334329</v>
      </c>
      <c r="AU8" s="31">
        <v>2</v>
      </c>
      <c r="AV8" s="50" t="s">
        <v>58</v>
      </c>
      <c r="AW8" s="35">
        <v>14</v>
      </c>
      <c r="AX8" s="36">
        <v>2740377</v>
      </c>
      <c r="AY8" s="41">
        <v>5080606</v>
      </c>
      <c r="AZ8" s="43">
        <v>100809946386</v>
      </c>
      <c r="BA8" s="44">
        <v>73309422412</v>
      </c>
      <c r="BB8" s="35">
        <v>23594307086</v>
      </c>
      <c r="BC8" s="36">
        <v>3906216888</v>
      </c>
      <c r="BD8" s="35">
        <v>197851</v>
      </c>
      <c r="BE8" s="36">
        <v>9805731475</v>
      </c>
      <c r="BF8" s="36">
        <v>436</v>
      </c>
      <c r="BG8" s="45">
        <v>14505089</v>
      </c>
      <c r="BH8" s="31">
        <v>2</v>
      </c>
      <c r="BI8" s="53" t="s">
        <v>58</v>
      </c>
      <c r="BJ8" s="35">
        <v>1473</v>
      </c>
      <c r="BK8" s="35">
        <v>618660000</v>
      </c>
      <c r="BL8" s="35">
        <v>1472</v>
      </c>
      <c r="BM8" s="35">
        <v>73600000</v>
      </c>
      <c r="BN8" s="35">
        <v>0</v>
      </c>
      <c r="BO8" s="35">
        <v>0</v>
      </c>
      <c r="BP8" s="35">
        <v>0</v>
      </c>
      <c r="BQ8" s="35">
        <v>0</v>
      </c>
      <c r="BR8" s="35">
        <v>0</v>
      </c>
      <c r="BS8" s="35">
        <v>0</v>
      </c>
      <c r="BT8" s="37">
        <v>2945</v>
      </c>
      <c r="BU8" s="37">
        <v>692260000</v>
      </c>
      <c r="BV8" s="54">
        <v>5083551</v>
      </c>
      <c r="BW8" s="55">
        <v>101502206386</v>
      </c>
      <c r="CA8" s="49" t="e">
        <v>#REF!</v>
      </c>
    </row>
    <row r="9" spans="1:79" s="9" customFormat="1" ht="12.95" customHeight="1" x14ac:dyDescent="0.15">
      <c r="A9" s="31">
        <v>3</v>
      </c>
      <c r="B9" s="50" t="s">
        <v>59</v>
      </c>
      <c r="C9" s="33">
        <v>22001</v>
      </c>
      <c r="D9" s="33">
        <v>293878</v>
      </c>
      <c r="E9" s="33">
        <v>12884913864</v>
      </c>
      <c r="F9" s="33">
        <v>1003165</v>
      </c>
      <c r="G9" s="33">
        <v>1613786</v>
      </c>
      <c r="H9" s="34">
        <v>14007209017</v>
      </c>
      <c r="I9" s="35">
        <v>227658</v>
      </c>
      <c r="J9" s="36">
        <v>420591</v>
      </c>
      <c r="K9" s="36">
        <v>2906983810</v>
      </c>
      <c r="L9" s="37">
        <v>1252824</v>
      </c>
      <c r="M9" s="37">
        <v>2328255</v>
      </c>
      <c r="N9" s="39">
        <v>29799106691</v>
      </c>
      <c r="O9" s="31">
        <v>3</v>
      </c>
      <c r="P9" s="38" t="s">
        <v>59</v>
      </c>
      <c r="Q9" s="35">
        <v>764052</v>
      </c>
      <c r="R9" s="36">
        <v>926209</v>
      </c>
      <c r="S9" s="36">
        <v>8921576990</v>
      </c>
      <c r="T9" s="35">
        <v>21101</v>
      </c>
      <c r="U9" s="36">
        <v>750912</v>
      </c>
      <c r="V9" s="36">
        <v>500743484</v>
      </c>
      <c r="W9" s="35">
        <v>1785</v>
      </c>
      <c r="X9" s="36">
        <v>10258</v>
      </c>
      <c r="Y9" s="36">
        <v>117393180</v>
      </c>
      <c r="Z9" s="37">
        <v>2018661</v>
      </c>
      <c r="AA9" s="39">
        <v>39338820345</v>
      </c>
      <c r="AB9" s="31">
        <v>3</v>
      </c>
      <c r="AC9" s="38" t="s">
        <v>59</v>
      </c>
      <c r="AD9" s="35">
        <v>59</v>
      </c>
      <c r="AE9" s="36">
        <v>2697</v>
      </c>
      <c r="AF9" s="36">
        <v>19972135</v>
      </c>
      <c r="AG9" s="36">
        <v>711</v>
      </c>
      <c r="AH9" s="36">
        <v>27300509</v>
      </c>
      <c r="AI9" s="36">
        <v>40895</v>
      </c>
      <c r="AJ9" s="36">
        <v>338564338</v>
      </c>
      <c r="AK9" s="36">
        <v>3076</v>
      </c>
      <c r="AL9" s="36">
        <v>97116702</v>
      </c>
      <c r="AM9" s="36">
        <v>1866</v>
      </c>
      <c r="AN9" s="36">
        <v>23645600</v>
      </c>
      <c r="AO9" s="36">
        <v>0</v>
      </c>
      <c r="AP9" s="36">
        <v>0</v>
      </c>
      <c r="AQ9" s="37">
        <v>49245</v>
      </c>
      <c r="AR9" s="37">
        <v>506599284</v>
      </c>
      <c r="AS9" s="51">
        <v>29</v>
      </c>
      <c r="AT9" s="52">
        <v>1299995</v>
      </c>
      <c r="AU9" s="31">
        <v>3</v>
      </c>
      <c r="AV9" s="50" t="s">
        <v>59</v>
      </c>
      <c r="AW9" s="35">
        <v>1</v>
      </c>
      <c r="AX9" s="36">
        <v>18950</v>
      </c>
      <c r="AY9" s="41">
        <v>2067966</v>
      </c>
      <c r="AZ9" s="43">
        <v>39845438579</v>
      </c>
      <c r="BA9" s="44">
        <v>29171666098</v>
      </c>
      <c r="BB9" s="35">
        <v>9188722945</v>
      </c>
      <c r="BC9" s="36">
        <v>1485049536</v>
      </c>
      <c r="BD9" s="35">
        <v>72713</v>
      </c>
      <c r="BE9" s="36">
        <v>3891268183</v>
      </c>
      <c r="BF9" s="36">
        <v>201</v>
      </c>
      <c r="BG9" s="45">
        <v>5450783</v>
      </c>
      <c r="BH9" s="31">
        <v>3</v>
      </c>
      <c r="BI9" s="53" t="s">
        <v>59</v>
      </c>
      <c r="BJ9" s="35">
        <v>413</v>
      </c>
      <c r="BK9" s="35">
        <v>173266590</v>
      </c>
      <c r="BL9" s="35">
        <v>658</v>
      </c>
      <c r="BM9" s="35">
        <v>32900000</v>
      </c>
      <c r="BN9" s="35">
        <v>0</v>
      </c>
      <c r="BO9" s="35">
        <v>0</v>
      </c>
      <c r="BP9" s="35">
        <v>0</v>
      </c>
      <c r="BQ9" s="35">
        <v>0</v>
      </c>
      <c r="BR9" s="35">
        <v>0</v>
      </c>
      <c r="BS9" s="35">
        <v>0</v>
      </c>
      <c r="BT9" s="37">
        <v>1071</v>
      </c>
      <c r="BU9" s="37">
        <v>206166590</v>
      </c>
      <c r="BV9" s="47">
        <v>2069037</v>
      </c>
      <c r="BW9" s="48">
        <v>40051605169</v>
      </c>
      <c r="CA9" s="49" t="e">
        <v>#REF!</v>
      </c>
    </row>
    <row r="10" spans="1:79" s="9" customFormat="1" ht="12.95" customHeight="1" x14ac:dyDescent="0.15">
      <c r="A10" s="31">
        <v>4</v>
      </c>
      <c r="B10" s="50" t="s">
        <v>60</v>
      </c>
      <c r="C10" s="33">
        <v>14279</v>
      </c>
      <c r="D10" s="33">
        <v>219714</v>
      </c>
      <c r="E10" s="33">
        <v>7890661140</v>
      </c>
      <c r="F10" s="33">
        <v>550041</v>
      </c>
      <c r="G10" s="33">
        <v>868923</v>
      </c>
      <c r="H10" s="34">
        <v>7875286582</v>
      </c>
      <c r="I10" s="35">
        <v>128264</v>
      </c>
      <c r="J10" s="36">
        <v>241973</v>
      </c>
      <c r="K10" s="36">
        <v>1702755650</v>
      </c>
      <c r="L10" s="37">
        <v>692584</v>
      </c>
      <c r="M10" s="37">
        <v>1330610</v>
      </c>
      <c r="N10" s="39">
        <v>17468703372</v>
      </c>
      <c r="O10" s="31">
        <v>4</v>
      </c>
      <c r="P10" s="38" t="s">
        <v>60</v>
      </c>
      <c r="Q10" s="35">
        <v>399764</v>
      </c>
      <c r="R10" s="36">
        <v>475074</v>
      </c>
      <c r="S10" s="36">
        <v>4810332674</v>
      </c>
      <c r="T10" s="35">
        <v>13593</v>
      </c>
      <c r="U10" s="36">
        <v>561731</v>
      </c>
      <c r="V10" s="36">
        <v>371911574</v>
      </c>
      <c r="W10" s="35">
        <v>1710</v>
      </c>
      <c r="X10" s="36">
        <v>10845</v>
      </c>
      <c r="Y10" s="36">
        <v>118313770</v>
      </c>
      <c r="Z10" s="37">
        <v>1094058</v>
      </c>
      <c r="AA10" s="39">
        <v>22769261390</v>
      </c>
      <c r="AB10" s="31">
        <v>4</v>
      </c>
      <c r="AC10" s="38" t="s">
        <v>60</v>
      </c>
      <c r="AD10" s="35">
        <v>27</v>
      </c>
      <c r="AE10" s="36">
        <v>1098</v>
      </c>
      <c r="AF10" s="36">
        <v>18704573</v>
      </c>
      <c r="AG10" s="36">
        <v>506</v>
      </c>
      <c r="AH10" s="36">
        <v>17048389</v>
      </c>
      <c r="AI10" s="36">
        <v>20376</v>
      </c>
      <c r="AJ10" s="36">
        <v>153905343</v>
      </c>
      <c r="AK10" s="36">
        <v>2699</v>
      </c>
      <c r="AL10" s="36">
        <v>85752375</v>
      </c>
      <c r="AM10" s="36">
        <v>1431</v>
      </c>
      <c r="AN10" s="36">
        <v>22595850</v>
      </c>
      <c r="AO10" s="36">
        <v>0</v>
      </c>
      <c r="AP10" s="36">
        <v>0</v>
      </c>
      <c r="AQ10" s="37">
        <v>26110</v>
      </c>
      <c r="AR10" s="37">
        <v>298006530</v>
      </c>
      <c r="AS10" s="51">
        <v>59</v>
      </c>
      <c r="AT10" s="52">
        <v>2599620</v>
      </c>
      <c r="AU10" s="31">
        <v>4</v>
      </c>
      <c r="AV10" s="50" t="s">
        <v>60</v>
      </c>
      <c r="AW10" s="35">
        <v>3</v>
      </c>
      <c r="AX10" s="36">
        <v>197770</v>
      </c>
      <c r="AY10" s="41">
        <v>1120198</v>
      </c>
      <c r="AZ10" s="43">
        <v>23067465690</v>
      </c>
      <c r="BA10" s="44">
        <v>16807902850</v>
      </c>
      <c r="BB10" s="35">
        <v>5246023476</v>
      </c>
      <c r="BC10" s="36">
        <v>1013539364</v>
      </c>
      <c r="BD10" s="35">
        <v>35900</v>
      </c>
      <c r="BE10" s="36">
        <v>2260630124</v>
      </c>
      <c r="BF10" s="36">
        <v>21</v>
      </c>
      <c r="BG10" s="45">
        <v>389717</v>
      </c>
      <c r="BH10" s="31">
        <v>4</v>
      </c>
      <c r="BI10" s="53" t="s">
        <v>60</v>
      </c>
      <c r="BJ10" s="35">
        <v>241</v>
      </c>
      <c r="BK10" s="35">
        <v>100625512</v>
      </c>
      <c r="BL10" s="35">
        <v>436</v>
      </c>
      <c r="BM10" s="35">
        <v>21800000</v>
      </c>
      <c r="BN10" s="35">
        <v>0</v>
      </c>
      <c r="BO10" s="35">
        <v>0</v>
      </c>
      <c r="BP10" s="35">
        <v>0</v>
      </c>
      <c r="BQ10" s="35">
        <v>0</v>
      </c>
      <c r="BR10" s="35">
        <v>0</v>
      </c>
      <c r="BS10" s="35">
        <v>0</v>
      </c>
      <c r="BT10" s="37">
        <v>677</v>
      </c>
      <c r="BU10" s="37">
        <v>122425512</v>
      </c>
      <c r="BV10" s="47">
        <v>1120875</v>
      </c>
      <c r="BW10" s="48">
        <v>23189891202</v>
      </c>
      <c r="CA10" s="49" t="e">
        <v>#REF!</v>
      </c>
    </row>
    <row r="11" spans="1:79" s="9" customFormat="1" ht="12.95" customHeight="1" x14ac:dyDescent="0.15">
      <c r="A11" s="31">
        <v>5</v>
      </c>
      <c r="B11" s="50" t="s">
        <v>61</v>
      </c>
      <c r="C11" s="33">
        <v>8351</v>
      </c>
      <c r="D11" s="33">
        <v>111374</v>
      </c>
      <c r="E11" s="33">
        <v>4448792342</v>
      </c>
      <c r="F11" s="33">
        <v>386536</v>
      </c>
      <c r="G11" s="33">
        <v>591985</v>
      </c>
      <c r="H11" s="34">
        <v>5333605805</v>
      </c>
      <c r="I11" s="35">
        <v>95797</v>
      </c>
      <c r="J11" s="36">
        <v>175288</v>
      </c>
      <c r="K11" s="36">
        <v>1215344640</v>
      </c>
      <c r="L11" s="37">
        <v>490684</v>
      </c>
      <c r="M11" s="37">
        <v>878647</v>
      </c>
      <c r="N11" s="39">
        <v>10997742787</v>
      </c>
      <c r="O11" s="31">
        <v>5</v>
      </c>
      <c r="P11" s="38" t="s">
        <v>61</v>
      </c>
      <c r="Q11" s="35">
        <v>275650</v>
      </c>
      <c r="R11" s="36">
        <v>331318</v>
      </c>
      <c r="S11" s="36">
        <v>3230457345</v>
      </c>
      <c r="T11" s="35">
        <v>7765</v>
      </c>
      <c r="U11" s="36">
        <v>283323</v>
      </c>
      <c r="V11" s="36">
        <v>188187638</v>
      </c>
      <c r="W11" s="35">
        <v>723</v>
      </c>
      <c r="X11" s="36">
        <v>4396</v>
      </c>
      <c r="Y11" s="36">
        <v>46879040</v>
      </c>
      <c r="Z11" s="37">
        <v>767057</v>
      </c>
      <c r="AA11" s="39">
        <v>14463266810</v>
      </c>
      <c r="AB11" s="31">
        <v>5</v>
      </c>
      <c r="AC11" s="38" t="s">
        <v>61</v>
      </c>
      <c r="AD11" s="35">
        <v>7</v>
      </c>
      <c r="AE11" s="36">
        <v>679</v>
      </c>
      <c r="AF11" s="36">
        <v>10800742</v>
      </c>
      <c r="AG11" s="36">
        <v>622</v>
      </c>
      <c r="AH11" s="36">
        <v>19805985</v>
      </c>
      <c r="AI11" s="36">
        <v>14237</v>
      </c>
      <c r="AJ11" s="36">
        <v>104982817</v>
      </c>
      <c r="AK11" s="36">
        <v>1467</v>
      </c>
      <c r="AL11" s="36">
        <v>44910975</v>
      </c>
      <c r="AM11" s="36">
        <v>1454</v>
      </c>
      <c r="AN11" s="36">
        <v>18353745</v>
      </c>
      <c r="AO11" s="36">
        <v>0</v>
      </c>
      <c r="AP11" s="36">
        <v>0</v>
      </c>
      <c r="AQ11" s="37">
        <v>18459</v>
      </c>
      <c r="AR11" s="37">
        <v>198854264</v>
      </c>
      <c r="AS11" s="51">
        <v>4</v>
      </c>
      <c r="AT11" s="52">
        <v>133664</v>
      </c>
      <c r="AU11" s="31">
        <v>5</v>
      </c>
      <c r="AV11" s="50" t="s">
        <v>61</v>
      </c>
      <c r="AW11" s="35">
        <v>1</v>
      </c>
      <c r="AX11" s="36">
        <v>26570</v>
      </c>
      <c r="AY11" s="41">
        <v>785524</v>
      </c>
      <c r="AZ11" s="43">
        <v>14662147644</v>
      </c>
      <c r="BA11" s="44">
        <v>10700146743</v>
      </c>
      <c r="BB11" s="35">
        <v>3347488178</v>
      </c>
      <c r="BC11" s="36">
        <v>614512723</v>
      </c>
      <c r="BD11" s="35">
        <v>21740</v>
      </c>
      <c r="BE11" s="36">
        <v>1286345033</v>
      </c>
      <c r="BF11" s="36">
        <v>1</v>
      </c>
      <c r="BG11" s="45">
        <v>615175</v>
      </c>
      <c r="BH11" s="31">
        <v>5</v>
      </c>
      <c r="BI11" s="50" t="s">
        <v>61</v>
      </c>
      <c r="BJ11" s="35">
        <v>139</v>
      </c>
      <c r="BK11" s="35">
        <v>58380000</v>
      </c>
      <c r="BL11" s="35">
        <v>264</v>
      </c>
      <c r="BM11" s="35">
        <v>13200000</v>
      </c>
      <c r="BN11" s="35">
        <v>0</v>
      </c>
      <c r="BO11" s="35">
        <v>0</v>
      </c>
      <c r="BP11" s="35">
        <v>0</v>
      </c>
      <c r="BQ11" s="35">
        <v>0</v>
      </c>
      <c r="BR11" s="35">
        <v>0</v>
      </c>
      <c r="BS11" s="35">
        <v>0</v>
      </c>
      <c r="BT11" s="37">
        <v>403</v>
      </c>
      <c r="BU11" s="37">
        <v>71580000</v>
      </c>
      <c r="BV11" s="47">
        <v>785927</v>
      </c>
      <c r="BW11" s="48">
        <v>14733727644</v>
      </c>
      <c r="CA11" s="49" t="e">
        <v>#REF!</v>
      </c>
    </row>
    <row r="12" spans="1:79" s="9" customFormat="1" ht="12.95" customHeight="1" x14ac:dyDescent="0.15">
      <c r="A12" s="31">
        <v>6</v>
      </c>
      <c r="B12" s="50" t="s">
        <v>62</v>
      </c>
      <c r="C12" s="33">
        <v>18111</v>
      </c>
      <c r="D12" s="33">
        <v>264550</v>
      </c>
      <c r="E12" s="33">
        <v>9992766831</v>
      </c>
      <c r="F12" s="33">
        <v>852018</v>
      </c>
      <c r="G12" s="33">
        <v>1325002</v>
      </c>
      <c r="H12" s="34">
        <v>11206650971</v>
      </c>
      <c r="I12" s="35">
        <v>204129</v>
      </c>
      <c r="J12" s="36">
        <v>374008</v>
      </c>
      <c r="K12" s="36">
        <v>2586500440</v>
      </c>
      <c r="L12" s="37">
        <v>1074258</v>
      </c>
      <c r="M12" s="37">
        <v>1963560</v>
      </c>
      <c r="N12" s="39">
        <v>23785918242</v>
      </c>
      <c r="O12" s="31">
        <v>6</v>
      </c>
      <c r="P12" s="38" t="s">
        <v>62</v>
      </c>
      <c r="Q12" s="35">
        <v>614140</v>
      </c>
      <c r="R12" s="36">
        <v>736825</v>
      </c>
      <c r="S12" s="36">
        <v>6862633155</v>
      </c>
      <c r="T12" s="35">
        <v>17023</v>
      </c>
      <c r="U12" s="36">
        <v>680236</v>
      </c>
      <c r="V12" s="36">
        <v>450499956</v>
      </c>
      <c r="W12" s="35">
        <v>2194</v>
      </c>
      <c r="X12" s="36">
        <v>15272</v>
      </c>
      <c r="Y12" s="36">
        <v>170300730</v>
      </c>
      <c r="Z12" s="37">
        <v>1690592</v>
      </c>
      <c r="AA12" s="39">
        <v>31269352083</v>
      </c>
      <c r="AB12" s="31">
        <v>6</v>
      </c>
      <c r="AC12" s="38" t="s">
        <v>62</v>
      </c>
      <c r="AD12" s="35">
        <v>101</v>
      </c>
      <c r="AE12" s="36">
        <v>1443</v>
      </c>
      <c r="AF12" s="36">
        <v>21502588</v>
      </c>
      <c r="AG12" s="36">
        <v>1071</v>
      </c>
      <c r="AH12" s="36">
        <v>34517837</v>
      </c>
      <c r="AI12" s="36">
        <v>35775</v>
      </c>
      <c r="AJ12" s="36">
        <v>259159952</v>
      </c>
      <c r="AK12" s="36">
        <v>3526</v>
      </c>
      <c r="AL12" s="36">
        <v>92305495</v>
      </c>
      <c r="AM12" s="36">
        <v>4102</v>
      </c>
      <c r="AN12" s="36">
        <v>46893015</v>
      </c>
      <c r="AO12" s="36">
        <v>5</v>
      </c>
      <c r="AP12" s="36">
        <v>340159</v>
      </c>
      <c r="AQ12" s="37">
        <v>45922</v>
      </c>
      <c r="AR12" s="37">
        <v>454719046</v>
      </c>
      <c r="AS12" s="51">
        <v>105</v>
      </c>
      <c r="AT12" s="52">
        <v>3609585</v>
      </c>
      <c r="AU12" s="31">
        <v>6</v>
      </c>
      <c r="AV12" s="50" t="s">
        <v>62</v>
      </c>
      <c r="AW12" s="35">
        <v>2</v>
      </c>
      <c r="AX12" s="36">
        <v>120150</v>
      </c>
      <c r="AY12" s="41">
        <v>1736617</v>
      </c>
      <c r="AZ12" s="43">
        <v>31724191279</v>
      </c>
      <c r="BA12" s="44">
        <v>23131963628</v>
      </c>
      <c r="BB12" s="35">
        <v>6952725280</v>
      </c>
      <c r="BC12" s="36">
        <v>1639502371</v>
      </c>
      <c r="BD12" s="35">
        <v>49484</v>
      </c>
      <c r="BE12" s="36">
        <v>2966782627</v>
      </c>
      <c r="BF12" s="36">
        <v>90</v>
      </c>
      <c r="BG12" s="45">
        <v>1379766</v>
      </c>
      <c r="BH12" s="31">
        <v>6</v>
      </c>
      <c r="BI12" s="50" t="s">
        <v>62</v>
      </c>
      <c r="BJ12" s="35">
        <v>395</v>
      </c>
      <c r="BK12" s="35">
        <v>165900000</v>
      </c>
      <c r="BL12" s="35">
        <v>540</v>
      </c>
      <c r="BM12" s="35">
        <v>27000000</v>
      </c>
      <c r="BN12" s="35">
        <v>0</v>
      </c>
      <c r="BO12" s="35">
        <v>0</v>
      </c>
      <c r="BP12" s="35">
        <v>0</v>
      </c>
      <c r="BQ12" s="35">
        <v>0</v>
      </c>
      <c r="BR12" s="35">
        <v>0</v>
      </c>
      <c r="BS12" s="35">
        <v>0</v>
      </c>
      <c r="BT12" s="37">
        <v>935</v>
      </c>
      <c r="BU12" s="37">
        <v>192900000</v>
      </c>
      <c r="BV12" s="47">
        <v>1737552</v>
      </c>
      <c r="BW12" s="48">
        <v>31917091279</v>
      </c>
      <c r="CA12" s="49" t="e">
        <v>#REF!</v>
      </c>
    </row>
    <row r="13" spans="1:79" s="9" customFormat="1" ht="12.95" customHeight="1" x14ac:dyDescent="0.15">
      <c r="A13" s="31">
        <v>7</v>
      </c>
      <c r="B13" s="50" t="s">
        <v>63</v>
      </c>
      <c r="C13" s="33">
        <v>11244</v>
      </c>
      <c r="D13" s="33">
        <v>183538</v>
      </c>
      <c r="E13" s="33">
        <v>6010985434</v>
      </c>
      <c r="F13" s="33">
        <v>423719</v>
      </c>
      <c r="G13" s="33">
        <v>677292</v>
      </c>
      <c r="H13" s="34">
        <v>6022455239</v>
      </c>
      <c r="I13" s="35">
        <v>95997</v>
      </c>
      <c r="J13" s="36">
        <v>183673</v>
      </c>
      <c r="K13" s="36">
        <v>1292991880</v>
      </c>
      <c r="L13" s="37">
        <v>530960</v>
      </c>
      <c r="M13" s="37">
        <v>1044503</v>
      </c>
      <c r="N13" s="39">
        <v>13326432553</v>
      </c>
      <c r="O13" s="31">
        <v>7</v>
      </c>
      <c r="P13" s="38" t="s">
        <v>63</v>
      </c>
      <c r="Q13" s="35">
        <v>300632</v>
      </c>
      <c r="R13" s="36">
        <v>366363</v>
      </c>
      <c r="S13" s="36">
        <v>3560892250</v>
      </c>
      <c r="T13" s="35">
        <v>10893</v>
      </c>
      <c r="U13" s="36">
        <v>486657</v>
      </c>
      <c r="V13" s="36">
        <v>323234313</v>
      </c>
      <c r="W13" s="35">
        <v>1202</v>
      </c>
      <c r="X13" s="36">
        <v>6661</v>
      </c>
      <c r="Y13" s="36">
        <v>73748520</v>
      </c>
      <c r="Z13" s="37">
        <v>832794</v>
      </c>
      <c r="AA13" s="39">
        <v>17284307636</v>
      </c>
      <c r="AB13" s="31">
        <v>7</v>
      </c>
      <c r="AC13" s="38" t="s">
        <v>63</v>
      </c>
      <c r="AD13" s="35">
        <v>27</v>
      </c>
      <c r="AE13" s="36">
        <v>687</v>
      </c>
      <c r="AF13" s="36">
        <v>11066231</v>
      </c>
      <c r="AG13" s="36">
        <v>472</v>
      </c>
      <c r="AH13" s="36">
        <v>16908840</v>
      </c>
      <c r="AI13" s="36">
        <v>16122</v>
      </c>
      <c r="AJ13" s="36">
        <v>108224536</v>
      </c>
      <c r="AK13" s="36">
        <v>1319</v>
      </c>
      <c r="AL13" s="36">
        <v>41330055</v>
      </c>
      <c r="AM13" s="36">
        <v>877</v>
      </c>
      <c r="AN13" s="36">
        <v>11909220</v>
      </c>
      <c r="AO13" s="36">
        <v>0</v>
      </c>
      <c r="AP13" s="36">
        <v>0</v>
      </c>
      <c r="AQ13" s="37">
        <v>19477</v>
      </c>
      <c r="AR13" s="37">
        <v>189438882</v>
      </c>
      <c r="AS13" s="51">
        <v>34</v>
      </c>
      <c r="AT13" s="52">
        <v>963031</v>
      </c>
      <c r="AU13" s="31">
        <v>7</v>
      </c>
      <c r="AV13" s="50" t="s">
        <v>63</v>
      </c>
      <c r="AW13" s="35">
        <v>2</v>
      </c>
      <c r="AX13" s="36">
        <v>89990</v>
      </c>
      <c r="AY13" s="41">
        <v>852300</v>
      </c>
      <c r="AZ13" s="43">
        <v>17473836508</v>
      </c>
      <c r="BA13" s="44">
        <v>12751031010</v>
      </c>
      <c r="BB13" s="35">
        <v>4053601282</v>
      </c>
      <c r="BC13" s="36">
        <v>669204216</v>
      </c>
      <c r="BD13" s="35">
        <v>35309</v>
      </c>
      <c r="BE13" s="36">
        <v>1726239314</v>
      </c>
      <c r="BF13" s="36">
        <v>22</v>
      </c>
      <c r="BG13" s="45">
        <v>289332</v>
      </c>
      <c r="BH13" s="31">
        <v>7</v>
      </c>
      <c r="BI13" s="50" t="s">
        <v>63</v>
      </c>
      <c r="BJ13" s="35">
        <v>163</v>
      </c>
      <c r="BK13" s="35">
        <v>68460000</v>
      </c>
      <c r="BL13" s="35">
        <v>339</v>
      </c>
      <c r="BM13" s="35">
        <v>16950000</v>
      </c>
      <c r="BN13" s="35">
        <v>0</v>
      </c>
      <c r="BO13" s="35">
        <v>0</v>
      </c>
      <c r="BP13" s="35">
        <v>0</v>
      </c>
      <c r="BQ13" s="35">
        <v>0</v>
      </c>
      <c r="BR13" s="35">
        <v>0</v>
      </c>
      <c r="BS13" s="35">
        <v>0</v>
      </c>
      <c r="BT13" s="37">
        <v>502</v>
      </c>
      <c r="BU13" s="37">
        <v>85410000</v>
      </c>
      <c r="BV13" s="47">
        <v>852802</v>
      </c>
      <c r="BW13" s="48">
        <v>17559246508</v>
      </c>
      <c r="CA13" s="49" t="e">
        <v>#REF!</v>
      </c>
    </row>
    <row r="14" spans="1:79" s="9" customFormat="1" ht="12.95" customHeight="1" x14ac:dyDescent="0.15">
      <c r="A14" s="31">
        <v>8</v>
      </c>
      <c r="B14" s="50" t="s">
        <v>64</v>
      </c>
      <c r="C14" s="33">
        <v>11086</v>
      </c>
      <c r="D14" s="33">
        <v>151373</v>
      </c>
      <c r="E14" s="33">
        <v>6013340297</v>
      </c>
      <c r="F14" s="33">
        <v>480957</v>
      </c>
      <c r="G14" s="33">
        <v>730281</v>
      </c>
      <c r="H14" s="34">
        <v>6565893036</v>
      </c>
      <c r="I14" s="35">
        <v>119116</v>
      </c>
      <c r="J14" s="36">
        <v>220447</v>
      </c>
      <c r="K14" s="36">
        <v>1521828400</v>
      </c>
      <c r="L14" s="37">
        <v>611159</v>
      </c>
      <c r="M14" s="37">
        <v>1102101</v>
      </c>
      <c r="N14" s="39">
        <v>14101061733</v>
      </c>
      <c r="O14" s="31">
        <v>8</v>
      </c>
      <c r="P14" s="38" t="s">
        <v>64</v>
      </c>
      <c r="Q14" s="35">
        <v>356189</v>
      </c>
      <c r="R14" s="36">
        <v>428192</v>
      </c>
      <c r="S14" s="36">
        <v>4065495364</v>
      </c>
      <c r="T14" s="35">
        <v>10442</v>
      </c>
      <c r="U14" s="36">
        <v>380835</v>
      </c>
      <c r="V14" s="36">
        <v>253024401</v>
      </c>
      <c r="W14" s="35">
        <v>1182</v>
      </c>
      <c r="X14" s="36">
        <v>6910</v>
      </c>
      <c r="Y14" s="36">
        <v>76342940</v>
      </c>
      <c r="Z14" s="37">
        <v>968530</v>
      </c>
      <c r="AA14" s="39">
        <v>18495924438</v>
      </c>
      <c r="AB14" s="31">
        <v>8</v>
      </c>
      <c r="AC14" s="38" t="s">
        <v>64</v>
      </c>
      <c r="AD14" s="35">
        <v>0</v>
      </c>
      <c r="AE14" s="36">
        <v>882</v>
      </c>
      <c r="AF14" s="36">
        <v>28332680</v>
      </c>
      <c r="AG14" s="36">
        <v>467</v>
      </c>
      <c r="AH14" s="36">
        <v>17640343</v>
      </c>
      <c r="AI14" s="36">
        <v>29601</v>
      </c>
      <c r="AJ14" s="36">
        <v>217712851</v>
      </c>
      <c r="AK14" s="36">
        <v>2122</v>
      </c>
      <c r="AL14" s="36">
        <v>54589235</v>
      </c>
      <c r="AM14" s="36">
        <v>1281</v>
      </c>
      <c r="AN14" s="36">
        <v>14660110</v>
      </c>
      <c r="AO14" s="36">
        <v>0</v>
      </c>
      <c r="AP14" s="36">
        <v>0</v>
      </c>
      <c r="AQ14" s="37">
        <v>34353</v>
      </c>
      <c r="AR14" s="37">
        <v>332935219</v>
      </c>
      <c r="AS14" s="51">
        <v>59</v>
      </c>
      <c r="AT14" s="52">
        <v>1046102</v>
      </c>
      <c r="AU14" s="31">
        <v>8</v>
      </c>
      <c r="AV14" s="50" t="s">
        <v>64</v>
      </c>
      <c r="AW14" s="35">
        <v>1</v>
      </c>
      <c r="AX14" s="36">
        <v>23833</v>
      </c>
      <c r="AY14" s="41">
        <v>1002884</v>
      </c>
      <c r="AZ14" s="43">
        <v>18828883490</v>
      </c>
      <c r="BA14" s="44">
        <v>13735293974</v>
      </c>
      <c r="BB14" s="35">
        <v>4357369531</v>
      </c>
      <c r="BC14" s="36">
        <v>736219985</v>
      </c>
      <c r="BD14" s="35">
        <v>22660</v>
      </c>
      <c r="BE14" s="36">
        <v>1705446411</v>
      </c>
      <c r="BF14" s="36">
        <v>92</v>
      </c>
      <c r="BG14" s="45">
        <v>2298767</v>
      </c>
      <c r="BH14" s="31">
        <v>8</v>
      </c>
      <c r="BI14" s="50" t="s">
        <v>64</v>
      </c>
      <c r="BJ14" s="35">
        <v>213</v>
      </c>
      <c r="BK14" s="35">
        <v>90288870</v>
      </c>
      <c r="BL14" s="35">
        <v>334</v>
      </c>
      <c r="BM14" s="35">
        <v>16700000</v>
      </c>
      <c r="BN14" s="35">
        <v>0</v>
      </c>
      <c r="BO14" s="35">
        <v>0</v>
      </c>
      <c r="BP14" s="35">
        <v>0</v>
      </c>
      <c r="BQ14" s="35">
        <v>0</v>
      </c>
      <c r="BR14" s="35">
        <v>0</v>
      </c>
      <c r="BS14" s="35">
        <v>0</v>
      </c>
      <c r="BT14" s="37">
        <v>547</v>
      </c>
      <c r="BU14" s="37">
        <v>106988870</v>
      </c>
      <c r="BV14" s="47">
        <v>1003431</v>
      </c>
      <c r="BW14" s="48">
        <v>18935872360</v>
      </c>
      <c r="CA14" s="49" t="e">
        <v>#REF!</v>
      </c>
    </row>
    <row r="15" spans="1:79" s="9" customFormat="1" ht="12.95" customHeight="1" x14ac:dyDescent="0.15">
      <c r="A15" s="31">
        <v>9</v>
      </c>
      <c r="B15" s="50" t="s">
        <v>65</v>
      </c>
      <c r="C15" s="33">
        <v>3011</v>
      </c>
      <c r="D15" s="33">
        <v>44638</v>
      </c>
      <c r="E15" s="33">
        <v>1739571199</v>
      </c>
      <c r="F15" s="33">
        <v>137295</v>
      </c>
      <c r="G15" s="33">
        <v>207307</v>
      </c>
      <c r="H15" s="34">
        <v>1922740548</v>
      </c>
      <c r="I15" s="35">
        <v>33283</v>
      </c>
      <c r="J15" s="36">
        <v>65369</v>
      </c>
      <c r="K15" s="36">
        <v>436986710</v>
      </c>
      <c r="L15" s="37">
        <v>173589</v>
      </c>
      <c r="M15" s="37">
        <v>317314</v>
      </c>
      <c r="N15" s="39">
        <v>4099298457</v>
      </c>
      <c r="O15" s="31">
        <v>9</v>
      </c>
      <c r="P15" s="38" t="s">
        <v>65</v>
      </c>
      <c r="Q15" s="35">
        <v>100445</v>
      </c>
      <c r="R15" s="36">
        <v>121316</v>
      </c>
      <c r="S15" s="36">
        <v>1166312199</v>
      </c>
      <c r="T15" s="35">
        <v>2892</v>
      </c>
      <c r="U15" s="36">
        <v>117766</v>
      </c>
      <c r="V15" s="36">
        <v>78350774</v>
      </c>
      <c r="W15" s="35">
        <v>429</v>
      </c>
      <c r="X15" s="36">
        <v>2459</v>
      </c>
      <c r="Y15" s="36">
        <v>25459230</v>
      </c>
      <c r="Z15" s="37">
        <v>274463</v>
      </c>
      <c r="AA15" s="39">
        <v>5369420660</v>
      </c>
      <c r="AB15" s="31">
        <v>9</v>
      </c>
      <c r="AC15" s="38" t="s">
        <v>65</v>
      </c>
      <c r="AD15" s="35">
        <v>160</v>
      </c>
      <c r="AE15" s="36">
        <v>303</v>
      </c>
      <c r="AF15" s="36">
        <v>4072864</v>
      </c>
      <c r="AG15" s="36">
        <v>138</v>
      </c>
      <c r="AH15" s="36">
        <v>5908233</v>
      </c>
      <c r="AI15" s="36">
        <v>6366</v>
      </c>
      <c r="AJ15" s="36">
        <v>54091718</v>
      </c>
      <c r="AK15" s="36">
        <v>605</v>
      </c>
      <c r="AL15" s="36">
        <v>17182330</v>
      </c>
      <c r="AM15" s="36">
        <v>410</v>
      </c>
      <c r="AN15" s="36">
        <v>5340550</v>
      </c>
      <c r="AO15" s="36">
        <v>0</v>
      </c>
      <c r="AP15" s="36">
        <v>0</v>
      </c>
      <c r="AQ15" s="37">
        <v>7822</v>
      </c>
      <c r="AR15" s="37">
        <v>86595695</v>
      </c>
      <c r="AS15" s="51">
        <v>39</v>
      </c>
      <c r="AT15" s="52">
        <v>245740</v>
      </c>
      <c r="AU15" s="31">
        <v>9</v>
      </c>
      <c r="AV15" s="50" t="s">
        <v>65</v>
      </c>
      <c r="AW15" s="35">
        <v>0</v>
      </c>
      <c r="AX15" s="36">
        <v>0</v>
      </c>
      <c r="AY15" s="41">
        <v>282445</v>
      </c>
      <c r="AZ15" s="43">
        <v>5456016355</v>
      </c>
      <c r="BA15" s="44">
        <v>3992443830</v>
      </c>
      <c r="BB15" s="35">
        <v>1265779196</v>
      </c>
      <c r="BC15" s="36">
        <v>197793329</v>
      </c>
      <c r="BD15" s="35">
        <v>8739</v>
      </c>
      <c r="BE15" s="36">
        <v>512538927</v>
      </c>
      <c r="BF15" s="36">
        <v>9</v>
      </c>
      <c r="BG15" s="45">
        <v>420254</v>
      </c>
      <c r="BH15" s="31">
        <v>9</v>
      </c>
      <c r="BI15" s="50" t="s">
        <v>65</v>
      </c>
      <c r="BJ15" s="35">
        <v>43</v>
      </c>
      <c r="BK15" s="35">
        <v>18060000</v>
      </c>
      <c r="BL15" s="35">
        <v>94</v>
      </c>
      <c r="BM15" s="35">
        <v>4700000</v>
      </c>
      <c r="BN15" s="35">
        <v>0</v>
      </c>
      <c r="BO15" s="35">
        <v>0</v>
      </c>
      <c r="BP15" s="35">
        <v>0</v>
      </c>
      <c r="BQ15" s="35">
        <v>0</v>
      </c>
      <c r="BR15" s="35">
        <v>0</v>
      </c>
      <c r="BS15" s="35">
        <v>0</v>
      </c>
      <c r="BT15" s="37">
        <v>137</v>
      </c>
      <c r="BU15" s="37">
        <v>22760000</v>
      </c>
      <c r="BV15" s="47">
        <v>282582</v>
      </c>
      <c r="BW15" s="48">
        <v>5478776355</v>
      </c>
      <c r="CA15" s="49" t="e">
        <v>#REF!</v>
      </c>
    </row>
    <row r="16" spans="1:79" s="9" customFormat="1" ht="12.95" customHeight="1" x14ac:dyDescent="0.15">
      <c r="A16" s="31">
        <v>10</v>
      </c>
      <c r="B16" s="50" t="s">
        <v>66</v>
      </c>
      <c r="C16" s="33">
        <v>37319</v>
      </c>
      <c r="D16" s="33">
        <v>556666</v>
      </c>
      <c r="E16" s="33">
        <v>20386687759</v>
      </c>
      <c r="F16" s="33">
        <v>1474274</v>
      </c>
      <c r="G16" s="33">
        <v>2331950</v>
      </c>
      <c r="H16" s="34">
        <v>21920723205</v>
      </c>
      <c r="I16" s="35">
        <v>347813</v>
      </c>
      <c r="J16" s="36">
        <v>681249</v>
      </c>
      <c r="K16" s="36">
        <v>4650527049</v>
      </c>
      <c r="L16" s="37">
        <v>1859406</v>
      </c>
      <c r="M16" s="37">
        <v>3569865</v>
      </c>
      <c r="N16" s="39">
        <v>46957938013</v>
      </c>
      <c r="O16" s="31">
        <v>10</v>
      </c>
      <c r="P16" s="38" t="s">
        <v>66</v>
      </c>
      <c r="Q16" s="35">
        <v>1017538</v>
      </c>
      <c r="R16" s="36">
        <v>1233749</v>
      </c>
      <c r="S16" s="36">
        <v>11917130221</v>
      </c>
      <c r="T16" s="35">
        <v>35241</v>
      </c>
      <c r="U16" s="36">
        <v>1430938</v>
      </c>
      <c r="V16" s="36">
        <v>952195986</v>
      </c>
      <c r="W16" s="35">
        <v>4502</v>
      </c>
      <c r="X16" s="36">
        <v>27422</v>
      </c>
      <c r="Y16" s="36">
        <v>293986640</v>
      </c>
      <c r="Z16" s="37">
        <v>2881446</v>
      </c>
      <c r="AA16" s="39">
        <v>60121250860</v>
      </c>
      <c r="AB16" s="31">
        <v>10</v>
      </c>
      <c r="AC16" s="38" t="s">
        <v>66</v>
      </c>
      <c r="AD16" s="35">
        <v>174</v>
      </c>
      <c r="AE16" s="36">
        <v>2071</v>
      </c>
      <c r="AF16" s="36">
        <v>38730350</v>
      </c>
      <c r="AG16" s="36">
        <v>1161</v>
      </c>
      <c r="AH16" s="36">
        <v>42726342</v>
      </c>
      <c r="AI16" s="36">
        <v>80972</v>
      </c>
      <c r="AJ16" s="36">
        <v>630633535</v>
      </c>
      <c r="AK16" s="36">
        <v>5226</v>
      </c>
      <c r="AL16" s="36">
        <v>161960121</v>
      </c>
      <c r="AM16" s="36">
        <v>2282</v>
      </c>
      <c r="AN16" s="36">
        <v>32808060</v>
      </c>
      <c r="AO16" s="36">
        <v>0</v>
      </c>
      <c r="AP16" s="36">
        <v>0</v>
      </c>
      <c r="AQ16" s="37">
        <v>91712</v>
      </c>
      <c r="AR16" s="37">
        <v>906858408</v>
      </c>
      <c r="AS16" s="51">
        <v>137</v>
      </c>
      <c r="AT16" s="52">
        <v>4039573</v>
      </c>
      <c r="AU16" s="31">
        <v>10</v>
      </c>
      <c r="AV16" s="50" t="s">
        <v>66</v>
      </c>
      <c r="AW16" s="35">
        <v>6</v>
      </c>
      <c r="AX16" s="36">
        <v>2442149</v>
      </c>
      <c r="AY16" s="41">
        <v>2973338</v>
      </c>
      <c r="AZ16" s="43">
        <v>61030551417</v>
      </c>
      <c r="BA16" s="44">
        <v>44509331248</v>
      </c>
      <c r="BB16" s="35">
        <v>13976600873</v>
      </c>
      <c r="BC16" s="36">
        <v>2544619296</v>
      </c>
      <c r="BD16" s="35">
        <v>95666</v>
      </c>
      <c r="BE16" s="36">
        <v>6012646933</v>
      </c>
      <c r="BF16" s="36">
        <v>181</v>
      </c>
      <c r="BG16" s="45">
        <v>2408440</v>
      </c>
      <c r="BH16" s="31">
        <v>10</v>
      </c>
      <c r="BI16" s="50" t="s">
        <v>66</v>
      </c>
      <c r="BJ16" s="35">
        <v>688</v>
      </c>
      <c r="BK16" s="35">
        <v>288960000</v>
      </c>
      <c r="BL16" s="35">
        <v>1006</v>
      </c>
      <c r="BM16" s="35">
        <v>50300000</v>
      </c>
      <c r="BN16" s="35">
        <v>0</v>
      </c>
      <c r="BO16" s="35">
        <v>0</v>
      </c>
      <c r="BP16" s="35">
        <v>0</v>
      </c>
      <c r="BQ16" s="35">
        <v>0</v>
      </c>
      <c r="BR16" s="35">
        <v>0</v>
      </c>
      <c r="BS16" s="35">
        <v>0</v>
      </c>
      <c r="BT16" s="37">
        <v>1694</v>
      </c>
      <c r="BU16" s="37">
        <v>339260000</v>
      </c>
      <c r="BV16" s="47">
        <v>2975032</v>
      </c>
      <c r="BW16" s="48">
        <v>61369811417</v>
      </c>
      <c r="CA16" s="49" t="e">
        <v>#REF!</v>
      </c>
    </row>
    <row r="17" spans="1:79" s="9" customFormat="1" ht="12.95" customHeight="1" x14ac:dyDescent="0.15">
      <c r="A17" s="31">
        <v>11</v>
      </c>
      <c r="B17" s="50" t="s">
        <v>67</v>
      </c>
      <c r="C17" s="33">
        <v>3377</v>
      </c>
      <c r="D17" s="33">
        <v>43847</v>
      </c>
      <c r="E17" s="33">
        <v>1760875630</v>
      </c>
      <c r="F17" s="33">
        <v>131615</v>
      </c>
      <c r="G17" s="33">
        <v>208178</v>
      </c>
      <c r="H17" s="34">
        <v>1858917512</v>
      </c>
      <c r="I17" s="35">
        <v>28193</v>
      </c>
      <c r="J17" s="36">
        <v>51803</v>
      </c>
      <c r="K17" s="36">
        <v>371314480</v>
      </c>
      <c r="L17" s="37">
        <v>163185</v>
      </c>
      <c r="M17" s="37">
        <v>303828</v>
      </c>
      <c r="N17" s="39">
        <v>3991107622</v>
      </c>
      <c r="O17" s="31">
        <v>11</v>
      </c>
      <c r="P17" s="38" t="s">
        <v>67</v>
      </c>
      <c r="Q17" s="35">
        <v>93955</v>
      </c>
      <c r="R17" s="36">
        <v>115720</v>
      </c>
      <c r="S17" s="36">
        <v>1215850100</v>
      </c>
      <c r="T17" s="35">
        <v>3132</v>
      </c>
      <c r="U17" s="36">
        <v>112633</v>
      </c>
      <c r="V17" s="36">
        <v>75432362</v>
      </c>
      <c r="W17" s="35">
        <v>275</v>
      </c>
      <c r="X17" s="36">
        <v>1520</v>
      </c>
      <c r="Y17" s="36">
        <v>17117490</v>
      </c>
      <c r="Z17" s="37">
        <v>257415</v>
      </c>
      <c r="AA17" s="39">
        <v>5299507574</v>
      </c>
      <c r="AB17" s="31">
        <v>11</v>
      </c>
      <c r="AC17" s="38" t="s">
        <v>67</v>
      </c>
      <c r="AD17" s="35">
        <v>14</v>
      </c>
      <c r="AE17" s="36">
        <v>113</v>
      </c>
      <c r="AF17" s="36">
        <v>1989006</v>
      </c>
      <c r="AG17" s="36">
        <v>92</v>
      </c>
      <c r="AH17" s="36">
        <v>3088428</v>
      </c>
      <c r="AI17" s="36">
        <v>5880</v>
      </c>
      <c r="AJ17" s="36">
        <v>48050287</v>
      </c>
      <c r="AK17" s="36">
        <v>322</v>
      </c>
      <c r="AL17" s="36">
        <v>9594895</v>
      </c>
      <c r="AM17" s="36">
        <v>446</v>
      </c>
      <c r="AN17" s="36">
        <v>6216390</v>
      </c>
      <c r="AO17" s="36">
        <v>0</v>
      </c>
      <c r="AP17" s="36">
        <v>0</v>
      </c>
      <c r="AQ17" s="37">
        <v>6853</v>
      </c>
      <c r="AR17" s="37">
        <v>68939006</v>
      </c>
      <c r="AS17" s="51">
        <v>1</v>
      </c>
      <c r="AT17" s="52">
        <v>4146</v>
      </c>
      <c r="AU17" s="31">
        <v>11</v>
      </c>
      <c r="AV17" s="50" t="s">
        <v>67</v>
      </c>
      <c r="AW17" s="35">
        <v>1</v>
      </c>
      <c r="AX17" s="36">
        <v>4368</v>
      </c>
      <c r="AY17" s="41">
        <v>264283</v>
      </c>
      <c r="AZ17" s="43">
        <v>5368450948</v>
      </c>
      <c r="BA17" s="44">
        <v>3915514509</v>
      </c>
      <c r="BB17" s="35">
        <v>1271131726</v>
      </c>
      <c r="BC17" s="36">
        <v>181804713</v>
      </c>
      <c r="BD17" s="35">
        <v>10289</v>
      </c>
      <c r="BE17" s="36">
        <v>502089722</v>
      </c>
      <c r="BF17" s="36">
        <v>10</v>
      </c>
      <c r="BG17" s="45">
        <v>133760</v>
      </c>
      <c r="BH17" s="31">
        <v>11</v>
      </c>
      <c r="BI17" s="50" t="s">
        <v>67</v>
      </c>
      <c r="BJ17" s="35">
        <v>49</v>
      </c>
      <c r="BK17" s="35">
        <v>20580000</v>
      </c>
      <c r="BL17" s="35">
        <v>82</v>
      </c>
      <c r="BM17" s="35">
        <v>4100000</v>
      </c>
      <c r="BN17" s="35">
        <v>0</v>
      </c>
      <c r="BO17" s="35">
        <v>0</v>
      </c>
      <c r="BP17" s="35">
        <v>0</v>
      </c>
      <c r="BQ17" s="35">
        <v>0</v>
      </c>
      <c r="BR17" s="35">
        <v>0</v>
      </c>
      <c r="BS17" s="35">
        <v>0</v>
      </c>
      <c r="BT17" s="37">
        <v>131</v>
      </c>
      <c r="BU17" s="37">
        <v>24680000</v>
      </c>
      <c r="BV17" s="47">
        <v>264414</v>
      </c>
      <c r="BW17" s="48">
        <v>5393130948</v>
      </c>
      <c r="CA17" s="49" t="e">
        <v>#REF!</v>
      </c>
    </row>
    <row r="18" spans="1:79" s="9" customFormat="1" ht="12.95" customHeight="1" x14ac:dyDescent="0.15">
      <c r="A18" s="31">
        <v>12</v>
      </c>
      <c r="B18" s="50" t="s">
        <v>68</v>
      </c>
      <c r="C18" s="33">
        <v>9840</v>
      </c>
      <c r="D18" s="33">
        <v>146684</v>
      </c>
      <c r="E18" s="33">
        <v>5149810304</v>
      </c>
      <c r="F18" s="33">
        <v>366242</v>
      </c>
      <c r="G18" s="33">
        <v>532896</v>
      </c>
      <c r="H18" s="34">
        <v>5205179688</v>
      </c>
      <c r="I18" s="35">
        <v>81983</v>
      </c>
      <c r="J18" s="36">
        <v>160628</v>
      </c>
      <c r="K18" s="36">
        <v>1069942980</v>
      </c>
      <c r="L18" s="37">
        <v>458065</v>
      </c>
      <c r="M18" s="37">
        <v>840208</v>
      </c>
      <c r="N18" s="39">
        <v>11424932972</v>
      </c>
      <c r="O18" s="31">
        <v>12</v>
      </c>
      <c r="P18" s="38" t="s">
        <v>68</v>
      </c>
      <c r="Q18" s="35">
        <v>234094</v>
      </c>
      <c r="R18" s="36">
        <v>484778</v>
      </c>
      <c r="S18" s="36">
        <v>2964846419</v>
      </c>
      <c r="T18" s="35">
        <v>9352</v>
      </c>
      <c r="U18" s="36">
        <v>381109</v>
      </c>
      <c r="V18" s="36">
        <v>251635777</v>
      </c>
      <c r="W18" s="35">
        <v>999</v>
      </c>
      <c r="X18" s="36">
        <v>7102</v>
      </c>
      <c r="Y18" s="36">
        <v>77579760</v>
      </c>
      <c r="Z18" s="37">
        <v>693158</v>
      </c>
      <c r="AA18" s="39">
        <v>14718994928</v>
      </c>
      <c r="AB18" s="31">
        <v>12</v>
      </c>
      <c r="AC18" s="38" t="s">
        <v>68</v>
      </c>
      <c r="AD18" s="35">
        <v>92</v>
      </c>
      <c r="AE18" s="36">
        <v>512</v>
      </c>
      <c r="AF18" s="36">
        <v>8970512</v>
      </c>
      <c r="AG18" s="36">
        <v>268</v>
      </c>
      <c r="AH18" s="36">
        <v>10222667</v>
      </c>
      <c r="AI18" s="36">
        <v>12610</v>
      </c>
      <c r="AJ18" s="36">
        <v>90964587</v>
      </c>
      <c r="AK18" s="36">
        <v>1212</v>
      </c>
      <c r="AL18" s="36">
        <v>35150375</v>
      </c>
      <c r="AM18" s="36">
        <v>704</v>
      </c>
      <c r="AN18" s="36">
        <v>7859330</v>
      </c>
      <c r="AO18" s="36">
        <v>78</v>
      </c>
      <c r="AP18" s="36">
        <v>939150</v>
      </c>
      <c r="AQ18" s="37">
        <v>15384</v>
      </c>
      <c r="AR18" s="37">
        <v>154106621</v>
      </c>
      <c r="AS18" s="51">
        <v>5</v>
      </c>
      <c r="AT18" s="52">
        <v>68070</v>
      </c>
      <c r="AU18" s="31">
        <v>12</v>
      </c>
      <c r="AV18" s="50" t="s">
        <v>68</v>
      </c>
      <c r="AW18" s="35">
        <v>5</v>
      </c>
      <c r="AX18" s="36">
        <v>146649</v>
      </c>
      <c r="AY18" s="41">
        <v>708639</v>
      </c>
      <c r="AZ18" s="43">
        <v>14873248198</v>
      </c>
      <c r="BA18" s="44">
        <v>10839173083</v>
      </c>
      <c r="BB18" s="35">
        <v>3485158180</v>
      </c>
      <c r="BC18" s="36">
        <v>548916935</v>
      </c>
      <c r="BD18" s="35">
        <v>26759</v>
      </c>
      <c r="BE18" s="36">
        <v>1478855081</v>
      </c>
      <c r="BF18" s="36">
        <v>30</v>
      </c>
      <c r="BG18" s="45">
        <v>359034</v>
      </c>
      <c r="BH18" s="31">
        <v>12</v>
      </c>
      <c r="BI18" s="50" t="s">
        <v>68</v>
      </c>
      <c r="BJ18" s="35">
        <v>159</v>
      </c>
      <c r="BK18" s="35">
        <v>66780000</v>
      </c>
      <c r="BL18" s="35">
        <v>268</v>
      </c>
      <c r="BM18" s="35">
        <v>13400000</v>
      </c>
      <c r="BN18" s="35">
        <v>0</v>
      </c>
      <c r="BO18" s="35">
        <v>0</v>
      </c>
      <c r="BP18" s="35">
        <v>0</v>
      </c>
      <c r="BQ18" s="35">
        <v>0</v>
      </c>
      <c r="BR18" s="35">
        <v>0</v>
      </c>
      <c r="BS18" s="35">
        <v>0</v>
      </c>
      <c r="BT18" s="37">
        <v>427</v>
      </c>
      <c r="BU18" s="37">
        <v>80180000</v>
      </c>
      <c r="BV18" s="47">
        <v>709066</v>
      </c>
      <c r="BW18" s="48">
        <v>14953428198</v>
      </c>
      <c r="CA18" s="49" t="e">
        <v>#REF!</v>
      </c>
    </row>
    <row r="19" spans="1:79" s="9" customFormat="1" ht="12.95" customHeight="1" x14ac:dyDescent="0.15">
      <c r="A19" s="31">
        <v>13</v>
      </c>
      <c r="B19" s="50" t="s">
        <v>69</v>
      </c>
      <c r="C19" s="33">
        <v>12294</v>
      </c>
      <c r="D19" s="33">
        <v>178483</v>
      </c>
      <c r="E19" s="33">
        <v>6811315677</v>
      </c>
      <c r="F19" s="33">
        <v>477186</v>
      </c>
      <c r="G19" s="33">
        <v>771350</v>
      </c>
      <c r="H19" s="34">
        <v>7067158676</v>
      </c>
      <c r="I19" s="35">
        <v>109690</v>
      </c>
      <c r="J19" s="36">
        <v>206204</v>
      </c>
      <c r="K19" s="36">
        <v>1389545194</v>
      </c>
      <c r="L19" s="37">
        <v>599170</v>
      </c>
      <c r="M19" s="37">
        <v>1156037</v>
      </c>
      <c r="N19" s="39">
        <v>15268019547</v>
      </c>
      <c r="O19" s="31">
        <v>13</v>
      </c>
      <c r="P19" s="38" t="s">
        <v>69</v>
      </c>
      <c r="Q19" s="35">
        <v>325539</v>
      </c>
      <c r="R19" s="36">
        <v>390913</v>
      </c>
      <c r="S19" s="36">
        <v>3963716014</v>
      </c>
      <c r="T19" s="35">
        <v>11607</v>
      </c>
      <c r="U19" s="36">
        <v>453938</v>
      </c>
      <c r="V19" s="36">
        <v>301247720</v>
      </c>
      <c r="W19" s="35">
        <v>1346</v>
      </c>
      <c r="X19" s="36">
        <v>6599</v>
      </c>
      <c r="Y19" s="36">
        <v>73790290</v>
      </c>
      <c r="Z19" s="37">
        <v>926055</v>
      </c>
      <c r="AA19" s="39">
        <v>19606773571</v>
      </c>
      <c r="AB19" s="31">
        <v>13</v>
      </c>
      <c r="AC19" s="38" t="s">
        <v>69</v>
      </c>
      <c r="AD19" s="35">
        <v>32</v>
      </c>
      <c r="AE19" s="36">
        <v>786</v>
      </c>
      <c r="AF19" s="36">
        <v>15222507</v>
      </c>
      <c r="AG19" s="36">
        <v>481</v>
      </c>
      <c r="AH19" s="36">
        <v>14764678</v>
      </c>
      <c r="AI19" s="36">
        <v>17654</v>
      </c>
      <c r="AJ19" s="36">
        <v>121086396</v>
      </c>
      <c r="AK19" s="36">
        <v>1869</v>
      </c>
      <c r="AL19" s="36">
        <v>60016730</v>
      </c>
      <c r="AM19" s="36">
        <v>937</v>
      </c>
      <c r="AN19" s="36">
        <v>12916140</v>
      </c>
      <c r="AO19" s="36">
        <v>3</v>
      </c>
      <c r="AP19" s="36">
        <v>154156</v>
      </c>
      <c r="AQ19" s="37">
        <v>21730</v>
      </c>
      <c r="AR19" s="37">
        <v>224160607</v>
      </c>
      <c r="AS19" s="51">
        <v>25</v>
      </c>
      <c r="AT19" s="52">
        <v>1059052</v>
      </c>
      <c r="AU19" s="31">
        <v>13</v>
      </c>
      <c r="AV19" s="50" t="s">
        <v>69</v>
      </c>
      <c r="AW19" s="35">
        <v>0</v>
      </c>
      <c r="AX19" s="36">
        <v>0</v>
      </c>
      <c r="AY19" s="41">
        <v>947817</v>
      </c>
      <c r="AZ19" s="43">
        <v>19830934178</v>
      </c>
      <c r="BA19" s="44">
        <v>14446766702</v>
      </c>
      <c r="BB19" s="35">
        <v>4575878792</v>
      </c>
      <c r="BC19" s="36">
        <v>808288684</v>
      </c>
      <c r="BD19" s="35">
        <v>31118</v>
      </c>
      <c r="BE19" s="36">
        <v>1954989320</v>
      </c>
      <c r="BF19" s="36">
        <v>18</v>
      </c>
      <c r="BG19" s="45">
        <v>774053</v>
      </c>
      <c r="BH19" s="31">
        <v>13</v>
      </c>
      <c r="BI19" s="50" t="s">
        <v>69</v>
      </c>
      <c r="BJ19" s="35">
        <v>268</v>
      </c>
      <c r="BK19" s="35">
        <v>112560000</v>
      </c>
      <c r="BL19" s="35">
        <v>354</v>
      </c>
      <c r="BM19" s="35">
        <v>17700000</v>
      </c>
      <c r="BN19" s="35">
        <v>0</v>
      </c>
      <c r="BO19" s="35">
        <v>0</v>
      </c>
      <c r="BP19" s="35">
        <v>0</v>
      </c>
      <c r="BQ19" s="35">
        <v>0</v>
      </c>
      <c r="BR19" s="35">
        <v>0</v>
      </c>
      <c r="BS19" s="35">
        <v>0</v>
      </c>
      <c r="BT19" s="37">
        <v>622</v>
      </c>
      <c r="BU19" s="37">
        <v>130260000</v>
      </c>
      <c r="BV19" s="47">
        <v>948439</v>
      </c>
      <c r="BW19" s="48">
        <v>19961194178</v>
      </c>
      <c r="CA19" s="49" t="e">
        <v>#REF!</v>
      </c>
    </row>
    <row r="20" spans="1:79" s="9" customFormat="1" ht="12.95" customHeight="1" x14ac:dyDescent="0.15">
      <c r="A20" s="31">
        <v>14</v>
      </c>
      <c r="B20" s="50" t="s">
        <v>70</v>
      </c>
      <c r="C20" s="33">
        <v>11224</v>
      </c>
      <c r="D20" s="33">
        <v>162864</v>
      </c>
      <c r="E20" s="33">
        <v>6245173700</v>
      </c>
      <c r="F20" s="33">
        <v>475588</v>
      </c>
      <c r="G20" s="33">
        <v>738746</v>
      </c>
      <c r="H20" s="34">
        <v>6672175460</v>
      </c>
      <c r="I20" s="35">
        <v>113024</v>
      </c>
      <c r="J20" s="36">
        <v>220852</v>
      </c>
      <c r="K20" s="36">
        <v>1492961630</v>
      </c>
      <c r="L20" s="37">
        <v>599836</v>
      </c>
      <c r="M20" s="37">
        <v>1122462</v>
      </c>
      <c r="N20" s="39">
        <v>14410310790</v>
      </c>
      <c r="O20" s="31">
        <v>14</v>
      </c>
      <c r="P20" s="38" t="s">
        <v>70</v>
      </c>
      <c r="Q20" s="35">
        <v>361180</v>
      </c>
      <c r="R20" s="36">
        <v>433890</v>
      </c>
      <c r="S20" s="36">
        <v>4088052470</v>
      </c>
      <c r="T20" s="35">
        <v>10733</v>
      </c>
      <c r="U20" s="36">
        <v>420976</v>
      </c>
      <c r="V20" s="36">
        <v>280164363</v>
      </c>
      <c r="W20" s="35">
        <v>1190</v>
      </c>
      <c r="X20" s="36">
        <v>7463</v>
      </c>
      <c r="Y20" s="36">
        <v>79906990</v>
      </c>
      <c r="Z20" s="37">
        <v>962206</v>
      </c>
      <c r="AA20" s="39">
        <v>18858434613</v>
      </c>
      <c r="AB20" s="31">
        <v>14</v>
      </c>
      <c r="AC20" s="38" t="s">
        <v>70</v>
      </c>
      <c r="AD20" s="35">
        <v>21</v>
      </c>
      <c r="AE20" s="36">
        <v>643</v>
      </c>
      <c r="AF20" s="36">
        <v>11020568</v>
      </c>
      <c r="AG20" s="36">
        <v>372</v>
      </c>
      <c r="AH20" s="36">
        <v>13230077</v>
      </c>
      <c r="AI20" s="36">
        <v>25585</v>
      </c>
      <c r="AJ20" s="36">
        <v>202152520</v>
      </c>
      <c r="AK20" s="36">
        <v>1531</v>
      </c>
      <c r="AL20" s="36">
        <v>48372305</v>
      </c>
      <c r="AM20" s="36">
        <v>696</v>
      </c>
      <c r="AN20" s="36">
        <v>8745440</v>
      </c>
      <c r="AO20" s="36">
        <v>0</v>
      </c>
      <c r="AP20" s="36">
        <v>0</v>
      </c>
      <c r="AQ20" s="37">
        <v>28827</v>
      </c>
      <c r="AR20" s="37">
        <v>283520910</v>
      </c>
      <c r="AS20" s="51">
        <v>47</v>
      </c>
      <c r="AT20" s="52">
        <v>2508029</v>
      </c>
      <c r="AU20" s="31">
        <v>14</v>
      </c>
      <c r="AV20" s="50" t="s">
        <v>70</v>
      </c>
      <c r="AW20" s="35">
        <v>1</v>
      </c>
      <c r="AX20" s="36">
        <v>27000</v>
      </c>
      <c r="AY20" s="41">
        <v>991055</v>
      </c>
      <c r="AZ20" s="43">
        <v>19141982523</v>
      </c>
      <c r="BA20" s="44">
        <v>13946039068</v>
      </c>
      <c r="BB20" s="35">
        <v>4487165827</v>
      </c>
      <c r="BC20" s="36">
        <v>708777628</v>
      </c>
      <c r="BD20" s="35">
        <v>29813</v>
      </c>
      <c r="BE20" s="36">
        <v>1920367927</v>
      </c>
      <c r="BF20" s="36">
        <v>42</v>
      </c>
      <c r="BG20" s="45">
        <v>842780</v>
      </c>
      <c r="BH20" s="31">
        <v>14</v>
      </c>
      <c r="BI20" s="50" t="s">
        <v>70</v>
      </c>
      <c r="BJ20" s="35">
        <v>276</v>
      </c>
      <c r="BK20" s="35">
        <v>115920000</v>
      </c>
      <c r="BL20" s="35">
        <v>304</v>
      </c>
      <c r="BM20" s="35">
        <v>15200000</v>
      </c>
      <c r="BN20" s="35">
        <v>0</v>
      </c>
      <c r="BO20" s="35">
        <v>0</v>
      </c>
      <c r="BP20" s="35">
        <v>0</v>
      </c>
      <c r="BQ20" s="35">
        <v>0</v>
      </c>
      <c r="BR20" s="35">
        <v>0</v>
      </c>
      <c r="BS20" s="35">
        <v>0</v>
      </c>
      <c r="BT20" s="37">
        <v>580</v>
      </c>
      <c r="BU20" s="37">
        <v>131120000</v>
      </c>
      <c r="BV20" s="47">
        <v>991635</v>
      </c>
      <c r="BW20" s="48">
        <v>19273102523</v>
      </c>
      <c r="CA20" s="49" t="e">
        <v>#REF!</v>
      </c>
    </row>
    <row r="21" spans="1:79" s="9" customFormat="1" ht="12.95" customHeight="1" x14ac:dyDescent="0.15">
      <c r="A21" s="31">
        <v>15</v>
      </c>
      <c r="B21" s="50" t="s">
        <v>71</v>
      </c>
      <c r="C21" s="33">
        <v>5308</v>
      </c>
      <c r="D21" s="33">
        <v>85092</v>
      </c>
      <c r="E21" s="33">
        <v>2957505276</v>
      </c>
      <c r="F21" s="33">
        <v>193540</v>
      </c>
      <c r="G21" s="33">
        <v>292069</v>
      </c>
      <c r="H21" s="34">
        <v>3111644986</v>
      </c>
      <c r="I21" s="35">
        <v>48342</v>
      </c>
      <c r="J21" s="36">
        <v>94378</v>
      </c>
      <c r="K21" s="36">
        <v>611386540</v>
      </c>
      <c r="L21" s="37">
        <v>247190</v>
      </c>
      <c r="M21" s="37">
        <v>471539</v>
      </c>
      <c r="N21" s="39">
        <v>6680536802</v>
      </c>
      <c r="O21" s="31">
        <v>15</v>
      </c>
      <c r="P21" s="38" t="s">
        <v>71</v>
      </c>
      <c r="Q21" s="35">
        <v>130083</v>
      </c>
      <c r="R21" s="36">
        <v>151643</v>
      </c>
      <c r="S21" s="36">
        <v>1548551266</v>
      </c>
      <c r="T21" s="35">
        <v>4987</v>
      </c>
      <c r="U21" s="36">
        <v>219256</v>
      </c>
      <c r="V21" s="36">
        <v>145525267</v>
      </c>
      <c r="W21" s="35">
        <v>717</v>
      </c>
      <c r="X21" s="36">
        <v>4662</v>
      </c>
      <c r="Y21" s="36">
        <v>50336280</v>
      </c>
      <c r="Z21" s="37">
        <v>377990</v>
      </c>
      <c r="AA21" s="39">
        <v>8424949615</v>
      </c>
      <c r="AB21" s="31">
        <v>15</v>
      </c>
      <c r="AC21" s="38" t="s">
        <v>71</v>
      </c>
      <c r="AD21" s="35">
        <v>1</v>
      </c>
      <c r="AE21" s="36">
        <v>277</v>
      </c>
      <c r="AF21" s="36">
        <v>8846149</v>
      </c>
      <c r="AG21" s="36">
        <v>180</v>
      </c>
      <c r="AH21" s="36">
        <v>6964930</v>
      </c>
      <c r="AI21" s="36">
        <v>8772</v>
      </c>
      <c r="AJ21" s="36">
        <v>67485435</v>
      </c>
      <c r="AK21" s="36">
        <v>792</v>
      </c>
      <c r="AL21" s="36">
        <v>23900870</v>
      </c>
      <c r="AM21" s="36">
        <v>242</v>
      </c>
      <c r="AN21" s="36">
        <v>3334960</v>
      </c>
      <c r="AO21" s="36">
        <v>0</v>
      </c>
      <c r="AP21" s="36">
        <v>0</v>
      </c>
      <c r="AQ21" s="37">
        <v>10263</v>
      </c>
      <c r="AR21" s="37">
        <v>110532344</v>
      </c>
      <c r="AS21" s="51">
        <v>4</v>
      </c>
      <c r="AT21" s="52">
        <v>343299</v>
      </c>
      <c r="AU21" s="31">
        <v>15</v>
      </c>
      <c r="AV21" s="50" t="s">
        <v>71</v>
      </c>
      <c r="AW21" s="35">
        <v>2</v>
      </c>
      <c r="AX21" s="36">
        <v>60472</v>
      </c>
      <c r="AY21" s="41">
        <v>388256</v>
      </c>
      <c r="AZ21" s="43">
        <v>8535542431</v>
      </c>
      <c r="BA21" s="44">
        <v>6216091997</v>
      </c>
      <c r="BB21" s="35">
        <v>2005324961</v>
      </c>
      <c r="BC21" s="36">
        <v>314125473</v>
      </c>
      <c r="BD21" s="35">
        <v>13645</v>
      </c>
      <c r="BE21" s="36">
        <v>877643418</v>
      </c>
      <c r="BF21" s="36">
        <v>24</v>
      </c>
      <c r="BG21" s="45">
        <v>264208</v>
      </c>
      <c r="BH21" s="31">
        <v>15</v>
      </c>
      <c r="BI21" s="50" t="s">
        <v>71</v>
      </c>
      <c r="BJ21" s="35">
        <v>107</v>
      </c>
      <c r="BK21" s="35">
        <v>44924000</v>
      </c>
      <c r="BL21" s="35">
        <v>153</v>
      </c>
      <c r="BM21" s="35">
        <v>7650000</v>
      </c>
      <c r="BN21" s="35">
        <v>0</v>
      </c>
      <c r="BO21" s="35">
        <v>0</v>
      </c>
      <c r="BP21" s="35">
        <v>0</v>
      </c>
      <c r="BQ21" s="35">
        <v>0</v>
      </c>
      <c r="BR21" s="35">
        <v>0</v>
      </c>
      <c r="BS21" s="35">
        <v>0</v>
      </c>
      <c r="BT21" s="37">
        <v>260</v>
      </c>
      <c r="BU21" s="37">
        <v>52574000</v>
      </c>
      <c r="BV21" s="47">
        <v>388516</v>
      </c>
      <c r="BW21" s="48">
        <v>8588116431</v>
      </c>
      <c r="CA21" s="49" t="e">
        <v>#REF!</v>
      </c>
    </row>
    <row r="22" spans="1:79" s="9" customFormat="1" ht="12.95" customHeight="1" x14ac:dyDescent="0.15">
      <c r="A22" s="31">
        <v>16</v>
      </c>
      <c r="B22" s="50" t="s">
        <v>72</v>
      </c>
      <c r="C22" s="33">
        <v>5944</v>
      </c>
      <c r="D22" s="33">
        <v>86226</v>
      </c>
      <c r="E22" s="33">
        <v>3292968666</v>
      </c>
      <c r="F22" s="33">
        <v>254910</v>
      </c>
      <c r="G22" s="33">
        <v>381743</v>
      </c>
      <c r="H22" s="34">
        <v>4331104161</v>
      </c>
      <c r="I22" s="35">
        <v>59720</v>
      </c>
      <c r="J22" s="36">
        <v>111216</v>
      </c>
      <c r="K22" s="36">
        <v>757479895</v>
      </c>
      <c r="L22" s="37">
        <v>320574</v>
      </c>
      <c r="M22" s="37">
        <v>579185</v>
      </c>
      <c r="N22" s="39">
        <v>8381552722</v>
      </c>
      <c r="O22" s="31">
        <v>16</v>
      </c>
      <c r="P22" s="38" t="s">
        <v>72</v>
      </c>
      <c r="Q22" s="35">
        <v>133341</v>
      </c>
      <c r="R22" s="36">
        <v>163420</v>
      </c>
      <c r="S22" s="36">
        <v>1486829160</v>
      </c>
      <c r="T22" s="35">
        <v>5644</v>
      </c>
      <c r="U22" s="36">
        <v>223670</v>
      </c>
      <c r="V22" s="36">
        <v>147613080</v>
      </c>
      <c r="W22" s="35">
        <v>1015</v>
      </c>
      <c r="X22" s="36">
        <v>5247</v>
      </c>
      <c r="Y22" s="36">
        <v>56313210</v>
      </c>
      <c r="Z22" s="37">
        <v>454930</v>
      </c>
      <c r="AA22" s="39">
        <v>10072308172</v>
      </c>
      <c r="AB22" s="31">
        <v>16</v>
      </c>
      <c r="AC22" s="38" t="s">
        <v>72</v>
      </c>
      <c r="AD22" s="35">
        <v>34</v>
      </c>
      <c r="AE22" s="36">
        <v>414</v>
      </c>
      <c r="AF22" s="36">
        <v>4711545</v>
      </c>
      <c r="AG22" s="36">
        <v>231</v>
      </c>
      <c r="AH22" s="36">
        <v>8920429</v>
      </c>
      <c r="AI22" s="36">
        <v>9896</v>
      </c>
      <c r="AJ22" s="36">
        <v>62485641</v>
      </c>
      <c r="AK22" s="36">
        <v>1013</v>
      </c>
      <c r="AL22" s="36">
        <v>28592817</v>
      </c>
      <c r="AM22" s="36">
        <v>335</v>
      </c>
      <c r="AN22" s="36">
        <v>5459380</v>
      </c>
      <c r="AO22" s="36">
        <v>41</v>
      </c>
      <c r="AP22" s="36">
        <v>3822656</v>
      </c>
      <c r="AQ22" s="37">
        <v>11930</v>
      </c>
      <c r="AR22" s="37">
        <v>113992468</v>
      </c>
      <c r="AS22" s="51">
        <v>41</v>
      </c>
      <c r="AT22" s="52">
        <v>3822656</v>
      </c>
      <c r="AU22" s="31">
        <v>16</v>
      </c>
      <c r="AV22" s="50" t="s">
        <v>72</v>
      </c>
      <c r="AW22" s="35">
        <v>1</v>
      </c>
      <c r="AX22" s="36">
        <v>102200</v>
      </c>
      <c r="AY22" s="41">
        <v>466895</v>
      </c>
      <c r="AZ22" s="43">
        <v>10186402840</v>
      </c>
      <c r="BA22" s="44">
        <v>7417195895</v>
      </c>
      <c r="BB22" s="35">
        <v>2324157487</v>
      </c>
      <c r="BC22" s="36">
        <v>445049458</v>
      </c>
      <c r="BD22" s="35">
        <v>15589</v>
      </c>
      <c r="BE22" s="36">
        <v>1005524718</v>
      </c>
      <c r="BF22" s="36">
        <v>58</v>
      </c>
      <c r="BG22" s="45">
        <v>1166348</v>
      </c>
      <c r="BH22" s="31">
        <v>16</v>
      </c>
      <c r="BI22" s="50" t="s">
        <v>72</v>
      </c>
      <c r="BJ22" s="35">
        <v>124</v>
      </c>
      <c r="BK22" s="35">
        <v>50724000</v>
      </c>
      <c r="BL22" s="35">
        <v>176</v>
      </c>
      <c r="BM22" s="35">
        <v>8800000</v>
      </c>
      <c r="BN22" s="35">
        <v>0</v>
      </c>
      <c r="BO22" s="35">
        <v>0</v>
      </c>
      <c r="BP22" s="35">
        <v>0</v>
      </c>
      <c r="BQ22" s="35">
        <v>0</v>
      </c>
      <c r="BR22" s="35">
        <v>0</v>
      </c>
      <c r="BS22" s="35">
        <v>0</v>
      </c>
      <c r="BT22" s="37">
        <v>300</v>
      </c>
      <c r="BU22" s="37">
        <v>59524000</v>
      </c>
      <c r="BV22" s="47">
        <v>467195</v>
      </c>
      <c r="BW22" s="48">
        <v>10245926840</v>
      </c>
      <c r="CA22" s="49" t="e">
        <v>#REF!</v>
      </c>
    </row>
    <row r="23" spans="1:79" s="9" customFormat="1" ht="12.95" customHeight="1" x14ac:dyDescent="0.15">
      <c r="A23" s="31">
        <v>17</v>
      </c>
      <c r="B23" s="50" t="s">
        <v>73</v>
      </c>
      <c r="C23" s="33">
        <v>6688</v>
      </c>
      <c r="D23" s="33">
        <v>97943</v>
      </c>
      <c r="E23" s="33">
        <v>3614910783</v>
      </c>
      <c r="F23" s="33">
        <v>267433</v>
      </c>
      <c r="G23" s="33">
        <v>427955</v>
      </c>
      <c r="H23" s="34">
        <v>4036375006</v>
      </c>
      <c r="I23" s="35">
        <v>66503</v>
      </c>
      <c r="J23" s="36">
        <v>125893</v>
      </c>
      <c r="K23" s="36">
        <v>859788252</v>
      </c>
      <c r="L23" s="37">
        <v>340624</v>
      </c>
      <c r="M23" s="37">
        <v>651791</v>
      </c>
      <c r="N23" s="39">
        <v>8511074041</v>
      </c>
      <c r="O23" s="31">
        <v>17</v>
      </c>
      <c r="P23" s="38" t="s">
        <v>73</v>
      </c>
      <c r="Q23" s="35">
        <v>182019</v>
      </c>
      <c r="R23" s="36">
        <v>221975</v>
      </c>
      <c r="S23" s="36">
        <v>2055850784</v>
      </c>
      <c r="T23" s="35">
        <v>6291</v>
      </c>
      <c r="U23" s="36">
        <v>248713</v>
      </c>
      <c r="V23" s="36">
        <v>165314856</v>
      </c>
      <c r="W23" s="35">
        <v>792</v>
      </c>
      <c r="X23" s="36">
        <v>4998</v>
      </c>
      <c r="Y23" s="36">
        <v>52692010</v>
      </c>
      <c r="Z23" s="37">
        <v>523435</v>
      </c>
      <c r="AA23" s="39">
        <v>10784931691</v>
      </c>
      <c r="AB23" s="31">
        <v>17</v>
      </c>
      <c r="AC23" s="38" t="s">
        <v>73</v>
      </c>
      <c r="AD23" s="35">
        <v>12</v>
      </c>
      <c r="AE23" s="36">
        <v>500</v>
      </c>
      <c r="AF23" s="36">
        <v>8137343</v>
      </c>
      <c r="AG23" s="36">
        <v>244</v>
      </c>
      <c r="AH23" s="36">
        <v>9644342</v>
      </c>
      <c r="AI23" s="36">
        <v>11324</v>
      </c>
      <c r="AJ23" s="36">
        <v>79212243</v>
      </c>
      <c r="AK23" s="36">
        <v>813</v>
      </c>
      <c r="AL23" s="36">
        <v>23807100</v>
      </c>
      <c r="AM23" s="36">
        <v>315</v>
      </c>
      <c r="AN23" s="36">
        <v>4709220</v>
      </c>
      <c r="AO23" s="36">
        <v>0</v>
      </c>
      <c r="AP23" s="36">
        <v>0</v>
      </c>
      <c r="AQ23" s="37">
        <v>13196</v>
      </c>
      <c r="AR23" s="37">
        <v>125510248</v>
      </c>
      <c r="AS23" s="51">
        <v>43</v>
      </c>
      <c r="AT23" s="52">
        <v>862467</v>
      </c>
      <c r="AU23" s="31">
        <v>17</v>
      </c>
      <c r="AV23" s="50" t="s">
        <v>73</v>
      </c>
      <c r="AW23" s="35">
        <v>0</v>
      </c>
      <c r="AX23" s="36">
        <v>0</v>
      </c>
      <c r="AY23" s="41">
        <v>536643</v>
      </c>
      <c r="AZ23" s="43">
        <v>10910441939</v>
      </c>
      <c r="BA23" s="44">
        <v>7946775100</v>
      </c>
      <c r="BB23" s="35">
        <v>2518930784</v>
      </c>
      <c r="BC23" s="36">
        <v>444736055</v>
      </c>
      <c r="BD23" s="35">
        <v>17996</v>
      </c>
      <c r="BE23" s="36">
        <v>1075798711</v>
      </c>
      <c r="BF23" s="36">
        <v>15</v>
      </c>
      <c r="BG23" s="45">
        <v>295395</v>
      </c>
      <c r="BH23" s="31">
        <v>17</v>
      </c>
      <c r="BI23" s="50" t="s">
        <v>73</v>
      </c>
      <c r="BJ23" s="35">
        <v>131</v>
      </c>
      <c r="BK23" s="35">
        <v>55020000</v>
      </c>
      <c r="BL23" s="35">
        <v>200</v>
      </c>
      <c r="BM23" s="35">
        <v>10000000</v>
      </c>
      <c r="BN23" s="35">
        <v>0</v>
      </c>
      <c r="BO23" s="35">
        <v>0</v>
      </c>
      <c r="BP23" s="35">
        <v>0</v>
      </c>
      <c r="BQ23" s="35">
        <v>0</v>
      </c>
      <c r="BR23" s="35">
        <v>0</v>
      </c>
      <c r="BS23" s="35">
        <v>0</v>
      </c>
      <c r="BT23" s="37">
        <v>331</v>
      </c>
      <c r="BU23" s="37">
        <v>65020000</v>
      </c>
      <c r="BV23" s="47">
        <v>536974</v>
      </c>
      <c r="BW23" s="48">
        <v>10975461939</v>
      </c>
      <c r="CA23" s="49" t="e">
        <v>#REF!</v>
      </c>
    </row>
    <row r="24" spans="1:79" s="9" customFormat="1" ht="12.95" customHeight="1" x14ac:dyDescent="0.15">
      <c r="A24" s="31">
        <v>18</v>
      </c>
      <c r="B24" s="50" t="s">
        <v>74</v>
      </c>
      <c r="C24" s="56">
        <v>2370</v>
      </c>
      <c r="D24" s="56">
        <v>39163</v>
      </c>
      <c r="E24" s="56">
        <v>1284751640</v>
      </c>
      <c r="F24" s="56">
        <v>90665</v>
      </c>
      <c r="G24" s="56">
        <v>140323</v>
      </c>
      <c r="H24" s="57">
        <v>1290322380</v>
      </c>
      <c r="I24" s="58">
        <v>21583</v>
      </c>
      <c r="J24" s="59">
        <v>44110</v>
      </c>
      <c r="K24" s="59">
        <v>284211450</v>
      </c>
      <c r="L24" s="60">
        <v>114618</v>
      </c>
      <c r="M24" s="60">
        <v>223596</v>
      </c>
      <c r="N24" s="61">
        <v>2859285470</v>
      </c>
      <c r="O24" s="31">
        <v>18</v>
      </c>
      <c r="P24" s="38" t="s">
        <v>74</v>
      </c>
      <c r="Q24" s="58">
        <v>65565</v>
      </c>
      <c r="R24" s="59">
        <v>80378</v>
      </c>
      <c r="S24" s="59">
        <v>742198890</v>
      </c>
      <c r="T24" s="58">
        <v>2255</v>
      </c>
      <c r="U24" s="59">
        <v>102199</v>
      </c>
      <c r="V24" s="59">
        <v>67769377</v>
      </c>
      <c r="W24" s="58">
        <v>199</v>
      </c>
      <c r="X24" s="59">
        <v>1177</v>
      </c>
      <c r="Y24" s="59">
        <v>12640180</v>
      </c>
      <c r="Z24" s="37">
        <v>180382</v>
      </c>
      <c r="AA24" s="61">
        <v>3681893917</v>
      </c>
      <c r="AB24" s="31">
        <v>18</v>
      </c>
      <c r="AC24" s="38" t="s">
        <v>74</v>
      </c>
      <c r="AD24" s="58">
        <v>1</v>
      </c>
      <c r="AE24" s="59">
        <v>38</v>
      </c>
      <c r="AF24" s="59">
        <v>4119493</v>
      </c>
      <c r="AG24" s="59">
        <v>66</v>
      </c>
      <c r="AH24" s="59">
        <v>1858459</v>
      </c>
      <c r="AI24" s="59">
        <v>3228</v>
      </c>
      <c r="AJ24" s="59">
        <v>23493271</v>
      </c>
      <c r="AK24" s="59">
        <v>318</v>
      </c>
      <c r="AL24" s="59">
        <v>9702265</v>
      </c>
      <c r="AM24" s="59">
        <v>90</v>
      </c>
      <c r="AN24" s="59">
        <v>1653660</v>
      </c>
      <c r="AO24" s="59">
        <v>0</v>
      </c>
      <c r="AP24" s="59">
        <v>0</v>
      </c>
      <c r="AQ24" s="60">
        <v>3740</v>
      </c>
      <c r="AR24" s="60">
        <v>40827148</v>
      </c>
      <c r="AS24" s="51">
        <v>2</v>
      </c>
      <c r="AT24" s="52">
        <v>18133</v>
      </c>
      <c r="AU24" s="31">
        <v>18</v>
      </c>
      <c r="AV24" s="50" t="s">
        <v>74</v>
      </c>
      <c r="AW24" s="58">
        <v>0</v>
      </c>
      <c r="AX24" s="59">
        <v>0</v>
      </c>
      <c r="AY24" s="62">
        <v>184123</v>
      </c>
      <c r="AZ24" s="43">
        <v>3722721065</v>
      </c>
      <c r="BA24" s="63">
        <v>2715368690</v>
      </c>
      <c r="BB24" s="58">
        <v>875876521</v>
      </c>
      <c r="BC24" s="59">
        <v>131475854</v>
      </c>
      <c r="BD24" s="58">
        <v>7210</v>
      </c>
      <c r="BE24" s="59">
        <v>365532920</v>
      </c>
      <c r="BF24" s="59">
        <v>13</v>
      </c>
      <c r="BG24" s="64">
        <v>422848</v>
      </c>
      <c r="BH24" s="31">
        <v>18</v>
      </c>
      <c r="BI24" s="50" t="s">
        <v>74</v>
      </c>
      <c r="BJ24" s="58">
        <v>22</v>
      </c>
      <c r="BK24" s="58">
        <v>8970730</v>
      </c>
      <c r="BL24" s="58">
        <v>77</v>
      </c>
      <c r="BM24" s="58">
        <v>3850000</v>
      </c>
      <c r="BN24" s="58">
        <v>0</v>
      </c>
      <c r="BO24" s="58">
        <v>0</v>
      </c>
      <c r="BP24" s="58">
        <v>0</v>
      </c>
      <c r="BQ24" s="58">
        <v>0</v>
      </c>
      <c r="BR24" s="58">
        <v>0</v>
      </c>
      <c r="BS24" s="58">
        <v>0</v>
      </c>
      <c r="BT24" s="37">
        <v>99</v>
      </c>
      <c r="BU24" s="37">
        <v>12820730</v>
      </c>
      <c r="BV24" s="65">
        <v>184222</v>
      </c>
      <c r="BW24" s="66">
        <v>3735541795</v>
      </c>
      <c r="CA24" s="49" t="e">
        <v>#REF!</v>
      </c>
    </row>
    <row r="25" spans="1:79" s="9" customFormat="1" ht="12.95" customHeight="1" thickBot="1" x14ac:dyDescent="0.2">
      <c r="A25" s="67">
        <v>21</v>
      </c>
      <c r="B25" s="68" t="s">
        <v>75</v>
      </c>
      <c r="C25" s="69">
        <v>4607</v>
      </c>
      <c r="D25" s="69">
        <v>68507</v>
      </c>
      <c r="E25" s="69">
        <v>2552954399</v>
      </c>
      <c r="F25" s="69">
        <v>180908</v>
      </c>
      <c r="G25" s="69">
        <v>278388</v>
      </c>
      <c r="H25" s="70">
        <v>2897456784</v>
      </c>
      <c r="I25" s="71">
        <v>46426</v>
      </c>
      <c r="J25" s="72">
        <v>86419</v>
      </c>
      <c r="K25" s="72">
        <v>607898990</v>
      </c>
      <c r="L25" s="73">
        <v>231941</v>
      </c>
      <c r="M25" s="73">
        <v>433314</v>
      </c>
      <c r="N25" s="74">
        <v>6058310173</v>
      </c>
      <c r="O25" s="67">
        <v>21</v>
      </c>
      <c r="P25" s="75" t="s">
        <v>75</v>
      </c>
      <c r="Q25" s="71">
        <v>118701</v>
      </c>
      <c r="R25" s="72">
        <v>145398</v>
      </c>
      <c r="S25" s="72">
        <v>1381493646</v>
      </c>
      <c r="T25" s="71">
        <v>4321</v>
      </c>
      <c r="U25" s="72">
        <v>170780</v>
      </c>
      <c r="V25" s="72">
        <v>113232189</v>
      </c>
      <c r="W25" s="71">
        <v>448</v>
      </c>
      <c r="X25" s="72">
        <v>2696</v>
      </c>
      <c r="Y25" s="72">
        <v>30371690</v>
      </c>
      <c r="Z25" s="76">
        <v>351090</v>
      </c>
      <c r="AA25" s="74">
        <v>7583407698</v>
      </c>
      <c r="AB25" s="67">
        <v>21</v>
      </c>
      <c r="AC25" s="75" t="s">
        <v>75</v>
      </c>
      <c r="AD25" s="71">
        <v>0</v>
      </c>
      <c r="AE25" s="72">
        <v>183</v>
      </c>
      <c r="AF25" s="72">
        <v>3161017</v>
      </c>
      <c r="AG25" s="72">
        <v>173</v>
      </c>
      <c r="AH25" s="72">
        <v>7000647</v>
      </c>
      <c r="AI25" s="72">
        <v>8552</v>
      </c>
      <c r="AJ25" s="72">
        <v>65651229</v>
      </c>
      <c r="AK25" s="72">
        <v>535</v>
      </c>
      <c r="AL25" s="72">
        <v>16872395</v>
      </c>
      <c r="AM25" s="72">
        <v>405</v>
      </c>
      <c r="AN25" s="72">
        <v>4718640</v>
      </c>
      <c r="AO25" s="72">
        <v>1</v>
      </c>
      <c r="AP25" s="72">
        <v>6280</v>
      </c>
      <c r="AQ25" s="73">
        <v>9849</v>
      </c>
      <c r="AR25" s="73">
        <v>97410208</v>
      </c>
      <c r="AS25" s="77">
        <v>25</v>
      </c>
      <c r="AT25" s="78">
        <v>797680</v>
      </c>
      <c r="AU25" s="67">
        <v>21</v>
      </c>
      <c r="AV25" s="68" t="s">
        <v>75</v>
      </c>
      <c r="AW25" s="71">
        <v>0</v>
      </c>
      <c r="AX25" s="72">
        <v>0</v>
      </c>
      <c r="AY25" s="79">
        <v>360939</v>
      </c>
      <c r="AZ25" s="80">
        <v>7680817906</v>
      </c>
      <c r="BA25" s="81">
        <v>5614534517</v>
      </c>
      <c r="BB25" s="71">
        <v>1780569987</v>
      </c>
      <c r="BC25" s="72">
        <v>285713402</v>
      </c>
      <c r="BD25" s="71">
        <v>14908</v>
      </c>
      <c r="BE25" s="72">
        <v>772655388</v>
      </c>
      <c r="BF25" s="72">
        <v>41</v>
      </c>
      <c r="BG25" s="82">
        <v>927916</v>
      </c>
      <c r="BH25" s="67">
        <v>21</v>
      </c>
      <c r="BI25" s="68" t="s">
        <v>75</v>
      </c>
      <c r="BJ25" s="71">
        <v>126</v>
      </c>
      <c r="BK25" s="71">
        <v>49920000</v>
      </c>
      <c r="BL25" s="71">
        <v>159</v>
      </c>
      <c r="BM25" s="71">
        <v>7950000</v>
      </c>
      <c r="BN25" s="71">
        <v>0</v>
      </c>
      <c r="BO25" s="71">
        <v>0</v>
      </c>
      <c r="BP25" s="71">
        <v>0</v>
      </c>
      <c r="BQ25" s="71">
        <v>0</v>
      </c>
      <c r="BR25" s="71">
        <v>0</v>
      </c>
      <c r="BS25" s="71">
        <v>0</v>
      </c>
      <c r="BT25" s="76">
        <v>285</v>
      </c>
      <c r="BU25" s="83">
        <v>57870000</v>
      </c>
      <c r="BV25" s="84">
        <v>361224</v>
      </c>
      <c r="BW25" s="85">
        <v>7738687906</v>
      </c>
      <c r="CA25" s="49" t="e">
        <v>#REF!</v>
      </c>
    </row>
    <row r="26" spans="1:79" s="9" customFormat="1" ht="12.95" customHeight="1" thickTop="1" x14ac:dyDescent="0.15">
      <c r="A26" s="31">
        <v>19</v>
      </c>
      <c r="B26" s="50" t="s">
        <v>76</v>
      </c>
      <c r="C26" s="33">
        <v>1521</v>
      </c>
      <c r="D26" s="33">
        <v>19482</v>
      </c>
      <c r="E26" s="33">
        <v>845612100</v>
      </c>
      <c r="F26" s="33">
        <v>78209</v>
      </c>
      <c r="G26" s="33">
        <v>118334</v>
      </c>
      <c r="H26" s="34">
        <v>1050659636</v>
      </c>
      <c r="I26" s="35">
        <v>19359</v>
      </c>
      <c r="J26" s="36">
        <v>36489</v>
      </c>
      <c r="K26" s="36">
        <v>256278560</v>
      </c>
      <c r="L26" s="37">
        <v>99089</v>
      </c>
      <c r="M26" s="37">
        <v>174305</v>
      </c>
      <c r="N26" s="39">
        <v>2152550296</v>
      </c>
      <c r="O26" s="31">
        <v>19</v>
      </c>
      <c r="P26" s="38" t="s">
        <v>76</v>
      </c>
      <c r="Q26" s="35">
        <v>51374</v>
      </c>
      <c r="R26" s="36">
        <v>61264</v>
      </c>
      <c r="S26" s="36">
        <v>604082262</v>
      </c>
      <c r="T26" s="35">
        <v>1444</v>
      </c>
      <c r="U26" s="36">
        <v>49915</v>
      </c>
      <c r="V26" s="36">
        <v>33158832</v>
      </c>
      <c r="W26" s="35">
        <v>153</v>
      </c>
      <c r="X26" s="36">
        <v>887</v>
      </c>
      <c r="Y26" s="36">
        <v>9266770</v>
      </c>
      <c r="Z26" s="37">
        <v>150616</v>
      </c>
      <c r="AA26" s="39">
        <v>2799058160</v>
      </c>
      <c r="AB26" s="31">
        <v>19</v>
      </c>
      <c r="AC26" s="38" t="s">
        <v>76</v>
      </c>
      <c r="AD26" s="35">
        <v>0</v>
      </c>
      <c r="AE26" s="36">
        <v>72</v>
      </c>
      <c r="AF26" s="36">
        <v>673336</v>
      </c>
      <c r="AG26" s="36">
        <v>63</v>
      </c>
      <c r="AH26" s="36">
        <v>1965206</v>
      </c>
      <c r="AI26" s="36">
        <v>3008</v>
      </c>
      <c r="AJ26" s="36">
        <v>20961463</v>
      </c>
      <c r="AK26" s="36">
        <v>157</v>
      </c>
      <c r="AL26" s="36">
        <v>4938265</v>
      </c>
      <c r="AM26" s="36">
        <v>605</v>
      </c>
      <c r="AN26" s="36">
        <v>5582645</v>
      </c>
      <c r="AO26" s="36">
        <v>0</v>
      </c>
      <c r="AP26" s="36">
        <v>0</v>
      </c>
      <c r="AQ26" s="37">
        <v>3905</v>
      </c>
      <c r="AR26" s="37">
        <v>34120915</v>
      </c>
      <c r="AS26" s="62">
        <v>4</v>
      </c>
      <c r="AT26" s="86">
        <v>43006</v>
      </c>
      <c r="AU26" s="31">
        <v>19</v>
      </c>
      <c r="AV26" s="50" t="s">
        <v>76</v>
      </c>
      <c r="AW26" s="35">
        <v>1</v>
      </c>
      <c r="AX26" s="36">
        <v>21300</v>
      </c>
      <c r="AY26" s="41">
        <v>154522</v>
      </c>
      <c r="AZ26" s="43">
        <v>2833200375</v>
      </c>
      <c r="BA26" s="44">
        <v>2069669860</v>
      </c>
      <c r="BB26" s="35">
        <v>653371518</v>
      </c>
      <c r="BC26" s="36">
        <v>110158997</v>
      </c>
      <c r="BD26" s="35">
        <v>4360</v>
      </c>
      <c r="BE26" s="36">
        <v>234680026</v>
      </c>
      <c r="BF26" s="36">
        <v>11</v>
      </c>
      <c r="BG26" s="45">
        <v>79229</v>
      </c>
      <c r="BH26" s="31">
        <v>19</v>
      </c>
      <c r="BI26" s="50" t="s">
        <v>76</v>
      </c>
      <c r="BJ26" s="35">
        <v>43</v>
      </c>
      <c r="BK26" s="35">
        <v>15951000</v>
      </c>
      <c r="BL26" s="35">
        <v>37</v>
      </c>
      <c r="BM26" s="35">
        <v>1850000</v>
      </c>
      <c r="BN26" s="35">
        <v>0</v>
      </c>
      <c r="BO26" s="35">
        <v>0</v>
      </c>
      <c r="BP26" s="35">
        <v>0</v>
      </c>
      <c r="BQ26" s="35">
        <v>0</v>
      </c>
      <c r="BR26" s="35">
        <v>0</v>
      </c>
      <c r="BS26" s="35">
        <v>0</v>
      </c>
      <c r="BT26" s="37">
        <v>80</v>
      </c>
      <c r="BU26" s="37">
        <v>17801000</v>
      </c>
      <c r="BV26" s="47">
        <v>154602</v>
      </c>
      <c r="BW26" s="48">
        <v>2851001375</v>
      </c>
      <c r="CA26" s="49" t="e">
        <v>#REF!</v>
      </c>
    </row>
    <row r="27" spans="1:79" s="9" customFormat="1" ht="12.95" customHeight="1" x14ac:dyDescent="0.15">
      <c r="A27" s="31">
        <v>20</v>
      </c>
      <c r="B27" s="50" t="s">
        <v>77</v>
      </c>
      <c r="C27" s="33">
        <v>2867</v>
      </c>
      <c r="D27" s="33">
        <v>42914</v>
      </c>
      <c r="E27" s="33">
        <v>1481643048</v>
      </c>
      <c r="F27" s="33">
        <v>101124</v>
      </c>
      <c r="G27" s="33">
        <v>158447</v>
      </c>
      <c r="H27" s="34">
        <v>1544764737</v>
      </c>
      <c r="I27" s="35">
        <v>25644</v>
      </c>
      <c r="J27" s="36">
        <v>44379</v>
      </c>
      <c r="K27" s="36">
        <v>297669540</v>
      </c>
      <c r="L27" s="37">
        <v>129635</v>
      </c>
      <c r="M27" s="37">
        <v>245740</v>
      </c>
      <c r="N27" s="39">
        <v>3324077325</v>
      </c>
      <c r="O27" s="31">
        <v>20</v>
      </c>
      <c r="P27" s="38" t="s">
        <v>77</v>
      </c>
      <c r="Q27" s="35">
        <v>68121</v>
      </c>
      <c r="R27" s="36">
        <v>83218</v>
      </c>
      <c r="S27" s="36">
        <v>831363907</v>
      </c>
      <c r="T27" s="35">
        <v>2713</v>
      </c>
      <c r="U27" s="36">
        <v>112618</v>
      </c>
      <c r="V27" s="36">
        <v>74702185</v>
      </c>
      <c r="W27" s="35">
        <v>299</v>
      </c>
      <c r="X27" s="36">
        <v>1586</v>
      </c>
      <c r="Y27" s="36">
        <v>16963370</v>
      </c>
      <c r="Z27" s="37">
        <v>198055</v>
      </c>
      <c r="AA27" s="39">
        <v>4247106787</v>
      </c>
      <c r="AB27" s="31">
        <v>20</v>
      </c>
      <c r="AC27" s="38" t="s">
        <v>77</v>
      </c>
      <c r="AD27" s="35">
        <v>133</v>
      </c>
      <c r="AE27" s="36">
        <v>226</v>
      </c>
      <c r="AF27" s="36">
        <v>2209442</v>
      </c>
      <c r="AG27" s="36">
        <v>91</v>
      </c>
      <c r="AH27" s="36">
        <v>3425734</v>
      </c>
      <c r="AI27" s="36">
        <v>5340</v>
      </c>
      <c r="AJ27" s="36">
        <v>38322637</v>
      </c>
      <c r="AK27" s="36">
        <v>460</v>
      </c>
      <c r="AL27" s="36">
        <v>16876785</v>
      </c>
      <c r="AM27" s="36">
        <v>184</v>
      </c>
      <c r="AN27" s="36">
        <v>3931330</v>
      </c>
      <c r="AO27" s="36">
        <v>0</v>
      </c>
      <c r="AP27" s="36">
        <v>0</v>
      </c>
      <c r="AQ27" s="37">
        <v>6301</v>
      </c>
      <c r="AR27" s="37">
        <v>64765928</v>
      </c>
      <c r="AS27" s="51">
        <v>7</v>
      </c>
      <c r="AT27" s="52">
        <v>79502</v>
      </c>
      <c r="AU27" s="31">
        <v>20</v>
      </c>
      <c r="AV27" s="50" t="s">
        <v>77</v>
      </c>
      <c r="AW27" s="35">
        <v>0</v>
      </c>
      <c r="AX27" s="36">
        <v>0</v>
      </c>
      <c r="AY27" s="41">
        <v>204489</v>
      </c>
      <c r="AZ27" s="43">
        <v>4311872715</v>
      </c>
      <c r="BA27" s="44">
        <v>3154659475</v>
      </c>
      <c r="BB27" s="35">
        <v>999173800</v>
      </c>
      <c r="BC27" s="36">
        <v>158039440</v>
      </c>
      <c r="BD27" s="35">
        <v>8881</v>
      </c>
      <c r="BE27" s="36">
        <v>423254979</v>
      </c>
      <c r="BF27" s="36">
        <v>20</v>
      </c>
      <c r="BG27" s="45">
        <v>626199</v>
      </c>
      <c r="BH27" s="31">
        <v>20</v>
      </c>
      <c r="BI27" s="50" t="s">
        <v>77</v>
      </c>
      <c r="BJ27" s="35">
        <v>53</v>
      </c>
      <c r="BK27" s="35">
        <v>22260000</v>
      </c>
      <c r="BL27" s="35">
        <v>77</v>
      </c>
      <c r="BM27" s="35">
        <v>3850000</v>
      </c>
      <c r="BN27" s="35">
        <v>0</v>
      </c>
      <c r="BO27" s="35">
        <v>0</v>
      </c>
      <c r="BP27" s="35">
        <v>0</v>
      </c>
      <c r="BQ27" s="35">
        <v>0</v>
      </c>
      <c r="BR27" s="35">
        <v>0</v>
      </c>
      <c r="BS27" s="35">
        <v>0</v>
      </c>
      <c r="BT27" s="37">
        <v>130</v>
      </c>
      <c r="BU27" s="37">
        <v>26110000</v>
      </c>
      <c r="BV27" s="47">
        <v>204619</v>
      </c>
      <c r="BW27" s="48">
        <v>4337982715</v>
      </c>
      <c r="CA27" s="49" t="e">
        <v>#REF!</v>
      </c>
    </row>
    <row r="28" spans="1:79" s="9" customFormat="1" ht="12.95" customHeight="1" x14ac:dyDescent="0.15">
      <c r="A28" s="31">
        <v>22</v>
      </c>
      <c r="B28" s="50" t="s">
        <v>78</v>
      </c>
      <c r="C28" s="33">
        <v>1935</v>
      </c>
      <c r="D28" s="33">
        <v>30988</v>
      </c>
      <c r="E28" s="33">
        <v>1056885750</v>
      </c>
      <c r="F28" s="33">
        <v>78533</v>
      </c>
      <c r="G28" s="33">
        <v>114313</v>
      </c>
      <c r="H28" s="34">
        <v>1063752910</v>
      </c>
      <c r="I28" s="35">
        <v>19018</v>
      </c>
      <c r="J28" s="36">
        <v>35353</v>
      </c>
      <c r="K28" s="36">
        <v>245169220</v>
      </c>
      <c r="L28" s="37">
        <v>99486</v>
      </c>
      <c r="M28" s="37">
        <v>180654</v>
      </c>
      <c r="N28" s="39">
        <v>2365807880</v>
      </c>
      <c r="O28" s="31">
        <v>22</v>
      </c>
      <c r="P28" s="38" t="s">
        <v>78</v>
      </c>
      <c r="Q28" s="35">
        <v>59628</v>
      </c>
      <c r="R28" s="36">
        <v>69986</v>
      </c>
      <c r="S28" s="36">
        <v>705799390</v>
      </c>
      <c r="T28" s="35">
        <v>1870</v>
      </c>
      <c r="U28" s="36">
        <v>80700</v>
      </c>
      <c r="V28" s="36">
        <v>53759025</v>
      </c>
      <c r="W28" s="35">
        <v>225</v>
      </c>
      <c r="X28" s="36">
        <v>1363</v>
      </c>
      <c r="Y28" s="36">
        <v>13690520</v>
      </c>
      <c r="Z28" s="37">
        <v>159339</v>
      </c>
      <c r="AA28" s="39">
        <v>3139056815</v>
      </c>
      <c r="AB28" s="31">
        <v>22</v>
      </c>
      <c r="AC28" s="38" t="s">
        <v>78</v>
      </c>
      <c r="AD28" s="35">
        <v>110</v>
      </c>
      <c r="AE28" s="36">
        <v>118</v>
      </c>
      <c r="AF28" s="36">
        <v>2613515</v>
      </c>
      <c r="AG28" s="36">
        <v>85</v>
      </c>
      <c r="AH28" s="36">
        <v>2913099</v>
      </c>
      <c r="AI28" s="36">
        <v>2369</v>
      </c>
      <c r="AJ28" s="36">
        <v>17761132</v>
      </c>
      <c r="AK28" s="36">
        <v>340</v>
      </c>
      <c r="AL28" s="36">
        <v>12270480</v>
      </c>
      <c r="AM28" s="36">
        <v>150</v>
      </c>
      <c r="AN28" s="36">
        <v>3014580</v>
      </c>
      <c r="AO28" s="36">
        <v>0</v>
      </c>
      <c r="AP28" s="36">
        <v>0</v>
      </c>
      <c r="AQ28" s="37">
        <v>3062</v>
      </c>
      <c r="AR28" s="37">
        <v>38572806</v>
      </c>
      <c r="AS28" s="51">
        <v>14</v>
      </c>
      <c r="AT28" s="52">
        <v>459845</v>
      </c>
      <c r="AU28" s="31">
        <v>22</v>
      </c>
      <c r="AV28" s="50" t="s">
        <v>78</v>
      </c>
      <c r="AW28" s="35">
        <v>0</v>
      </c>
      <c r="AX28" s="36">
        <v>0</v>
      </c>
      <c r="AY28" s="41">
        <v>162511</v>
      </c>
      <c r="AZ28" s="43">
        <v>3177629621</v>
      </c>
      <c r="BA28" s="44">
        <v>2315120571</v>
      </c>
      <c r="BB28" s="35">
        <v>736413954</v>
      </c>
      <c r="BC28" s="36">
        <v>126095096</v>
      </c>
      <c r="BD28" s="35">
        <v>6770</v>
      </c>
      <c r="BE28" s="36">
        <v>303296911</v>
      </c>
      <c r="BF28" s="36">
        <v>5</v>
      </c>
      <c r="BG28" s="45">
        <v>122002</v>
      </c>
      <c r="BH28" s="31">
        <v>22</v>
      </c>
      <c r="BI28" s="50" t="s">
        <v>78</v>
      </c>
      <c r="BJ28" s="35">
        <v>32</v>
      </c>
      <c r="BK28" s="35">
        <v>10975808</v>
      </c>
      <c r="BL28" s="35">
        <v>38</v>
      </c>
      <c r="BM28" s="35">
        <v>1900000</v>
      </c>
      <c r="BN28" s="35">
        <v>0</v>
      </c>
      <c r="BO28" s="35">
        <v>0</v>
      </c>
      <c r="BP28" s="35">
        <v>0</v>
      </c>
      <c r="BQ28" s="35">
        <v>0</v>
      </c>
      <c r="BR28" s="35">
        <v>0</v>
      </c>
      <c r="BS28" s="35">
        <v>0</v>
      </c>
      <c r="BT28" s="37">
        <v>70</v>
      </c>
      <c r="BU28" s="37">
        <v>12875808</v>
      </c>
      <c r="BV28" s="47">
        <v>162581</v>
      </c>
      <c r="BW28" s="48">
        <v>3190505429</v>
      </c>
      <c r="CA28" s="49" t="e">
        <v>#REF!</v>
      </c>
    </row>
    <row r="29" spans="1:79" s="9" customFormat="1" ht="12.95" customHeight="1" x14ac:dyDescent="0.15">
      <c r="A29" s="31">
        <v>23</v>
      </c>
      <c r="B29" s="50" t="s">
        <v>79</v>
      </c>
      <c r="C29" s="33">
        <v>1771</v>
      </c>
      <c r="D29" s="33">
        <v>28513</v>
      </c>
      <c r="E29" s="33">
        <v>960996972</v>
      </c>
      <c r="F29" s="33">
        <v>63827</v>
      </c>
      <c r="G29" s="33">
        <v>96932</v>
      </c>
      <c r="H29" s="34">
        <v>932423064</v>
      </c>
      <c r="I29" s="35">
        <v>14831</v>
      </c>
      <c r="J29" s="36">
        <v>28090</v>
      </c>
      <c r="K29" s="36">
        <v>191954180</v>
      </c>
      <c r="L29" s="37">
        <v>80429</v>
      </c>
      <c r="M29" s="37">
        <v>153535</v>
      </c>
      <c r="N29" s="39">
        <v>2085374216</v>
      </c>
      <c r="O29" s="31">
        <v>23</v>
      </c>
      <c r="P29" s="38" t="s">
        <v>79</v>
      </c>
      <c r="Q29" s="35">
        <v>48823</v>
      </c>
      <c r="R29" s="36">
        <v>57868</v>
      </c>
      <c r="S29" s="36">
        <v>587474846</v>
      </c>
      <c r="T29" s="35">
        <v>1741</v>
      </c>
      <c r="U29" s="36">
        <v>75805</v>
      </c>
      <c r="V29" s="36">
        <v>50507760</v>
      </c>
      <c r="W29" s="35">
        <v>166</v>
      </c>
      <c r="X29" s="36">
        <v>1022</v>
      </c>
      <c r="Y29" s="36">
        <v>10974860</v>
      </c>
      <c r="Z29" s="37">
        <v>129418</v>
      </c>
      <c r="AA29" s="39">
        <v>2734331682</v>
      </c>
      <c r="AB29" s="31">
        <v>23</v>
      </c>
      <c r="AC29" s="38" t="s">
        <v>79</v>
      </c>
      <c r="AD29" s="35">
        <v>11</v>
      </c>
      <c r="AE29" s="36">
        <v>72</v>
      </c>
      <c r="AF29" s="36">
        <v>1549591</v>
      </c>
      <c r="AG29" s="36">
        <v>87</v>
      </c>
      <c r="AH29" s="36">
        <v>3027455</v>
      </c>
      <c r="AI29" s="36">
        <v>1302</v>
      </c>
      <c r="AJ29" s="36">
        <v>9069953</v>
      </c>
      <c r="AK29" s="36">
        <v>198</v>
      </c>
      <c r="AL29" s="36">
        <v>6686505</v>
      </c>
      <c r="AM29" s="36">
        <v>105</v>
      </c>
      <c r="AN29" s="36">
        <v>2606790</v>
      </c>
      <c r="AO29" s="142">
        <v>-3</v>
      </c>
      <c r="AP29" s="142">
        <v>-104340</v>
      </c>
      <c r="AQ29" s="37">
        <v>1761</v>
      </c>
      <c r="AR29" s="37">
        <v>22835954</v>
      </c>
      <c r="AS29" s="51">
        <v>4</v>
      </c>
      <c r="AT29" s="52">
        <v>186321</v>
      </c>
      <c r="AU29" s="31">
        <v>23</v>
      </c>
      <c r="AV29" s="50" t="s">
        <v>79</v>
      </c>
      <c r="AW29" s="35">
        <v>0</v>
      </c>
      <c r="AX29" s="36">
        <v>0</v>
      </c>
      <c r="AY29" s="41">
        <v>131190</v>
      </c>
      <c r="AZ29" s="43">
        <v>2757167636</v>
      </c>
      <c r="BA29" s="44">
        <v>2013605122</v>
      </c>
      <c r="BB29" s="35">
        <v>627419357</v>
      </c>
      <c r="BC29" s="36">
        <v>116143157</v>
      </c>
      <c r="BD29" s="35">
        <v>5765</v>
      </c>
      <c r="BE29" s="36">
        <v>275507389</v>
      </c>
      <c r="BF29" s="36">
        <v>3</v>
      </c>
      <c r="BG29" s="45">
        <v>116638</v>
      </c>
      <c r="BH29" s="31">
        <v>23</v>
      </c>
      <c r="BI29" s="50" t="s">
        <v>79</v>
      </c>
      <c r="BJ29" s="35">
        <v>16</v>
      </c>
      <c r="BK29" s="35">
        <v>6717130</v>
      </c>
      <c r="BL29" s="35">
        <v>46</v>
      </c>
      <c r="BM29" s="35">
        <v>2240000</v>
      </c>
      <c r="BN29" s="35">
        <v>0</v>
      </c>
      <c r="BO29" s="35">
        <v>0</v>
      </c>
      <c r="BP29" s="35">
        <v>0</v>
      </c>
      <c r="BQ29" s="35">
        <v>0</v>
      </c>
      <c r="BR29" s="35">
        <v>0</v>
      </c>
      <c r="BS29" s="35">
        <v>0</v>
      </c>
      <c r="BT29" s="37">
        <v>62</v>
      </c>
      <c r="BU29" s="37">
        <v>8957130</v>
      </c>
      <c r="BV29" s="47">
        <v>131252</v>
      </c>
      <c r="BW29" s="48">
        <v>2766124766</v>
      </c>
      <c r="CA29" s="49" t="e">
        <v>#REF!</v>
      </c>
    </row>
    <row r="30" spans="1:79" s="9" customFormat="1" ht="12.95" customHeight="1" x14ac:dyDescent="0.15">
      <c r="A30" s="31">
        <v>24</v>
      </c>
      <c r="B30" s="50" t="s">
        <v>80</v>
      </c>
      <c r="C30" s="33">
        <v>598</v>
      </c>
      <c r="D30" s="33">
        <v>7784</v>
      </c>
      <c r="E30" s="33">
        <v>320237053</v>
      </c>
      <c r="F30" s="33">
        <v>24209</v>
      </c>
      <c r="G30" s="33">
        <v>37495</v>
      </c>
      <c r="H30" s="34">
        <v>374713367</v>
      </c>
      <c r="I30" s="35">
        <v>5412</v>
      </c>
      <c r="J30" s="36">
        <v>10993</v>
      </c>
      <c r="K30" s="36">
        <v>71244410</v>
      </c>
      <c r="L30" s="37">
        <v>30219</v>
      </c>
      <c r="M30" s="37">
        <v>56272</v>
      </c>
      <c r="N30" s="39">
        <v>766194830</v>
      </c>
      <c r="O30" s="31">
        <v>24</v>
      </c>
      <c r="P30" s="38" t="s">
        <v>80</v>
      </c>
      <c r="Q30" s="35">
        <v>17532</v>
      </c>
      <c r="R30" s="36">
        <v>21433</v>
      </c>
      <c r="S30" s="36">
        <v>228897604</v>
      </c>
      <c r="T30" s="35">
        <v>579</v>
      </c>
      <c r="U30" s="36">
        <v>19455</v>
      </c>
      <c r="V30" s="36">
        <v>12871530</v>
      </c>
      <c r="W30" s="35">
        <v>63</v>
      </c>
      <c r="X30" s="36">
        <v>264</v>
      </c>
      <c r="Y30" s="36">
        <v>3085480</v>
      </c>
      <c r="Z30" s="37">
        <v>47814</v>
      </c>
      <c r="AA30" s="39">
        <v>1011049444</v>
      </c>
      <c r="AB30" s="31">
        <v>24</v>
      </c>
      <c r="AC30" s="38" t="s">
        <v>80</v>
      </c>
      <c r="AD30" s="35">
        <v>1</v>
      </c>
      <c r="AE30" s="36">
        <v>27</v>
      </c>
      <c r="AF30" s="36">
        <v>305601</v>
      </c>
      <c r="AG30" s="36">
        <v>35</v>
      </c>
      <c r="AH30" s="36">
        <v>956611</v>
      </c>
      <c r="AI30" s="36">
        <v>582</v>
      </c>
      <c r="AJ30" s="36">
        <v>3547871</v>
      </c>
      <c r="AK30" s="36">
        <v>86</v>
      </c>
      <c r="AL30" s="36">
        <v>2336000</v>
      </c>
      <c r="AM30" s="36">
        <v>7</v>
      </c>
      <c r="AN30" s="36">
        <v>293700</v>
      </c>
      <c r="AO30" s="36">
        <v>0</v>
      </c>
      <c r="AP30" s="36">
        <v>0</v>
      </c>
      <c r="AQ30" s="37">
        <v>737</v>
      </c>
      <c r="AR30" s="37">
        <v>7439783</v>
      </c>
      <c r="AS30" s="51">
        <v>3</v>
      </c>
      <c r="AT30" s="52">
        <v>83801</v>
      </c>
      <c r="AU30" s="31">
        <v>24</v>
      </c>
      <c r="AV30" s="50" t="s">
        <v>80</v>
      </c>
      <c r="AW30" s="35">
        <v>0</v>
      </c>
      <c r="AX30" s="36">
        <v>0</v>
      </c>
      <c r="AY30" s="41">
        <v>48552</v>
      </c>
      <c r="AZ30" s="43">
        <v>1018489227</v>
      </c>
      <c r="BA30" s="44">
        <v>744645326</v>
      </c>
      <c r="BB30" s="35">
        <v>240209403</v>
      </c>
      <c r="BC30" s="36">
        <v>33634498</v>
      </c>
      <c r="BD30" s="35">
        <v>2028</v>
      </c>
      <c r="BE30" s="36">
        <v>99438695</v>
      </c>
      <c r="BF30" s="36">
        <v>4</v>
      </c>
      <c r="BG30" s="45">
        <v>215781</v>
      </c>
      <c r="BH30" s="31">
        <v>24</v>
      </c>
      <c r="BI30" s="50" t="s">
        <v>80</v>
      </c>
      <c r="BJ30" s="35">
        <v>4</v>
      </c>
      <c r="BK30" s="35">
        <v>1680000</v>
      </c>
      <c r="BL30" s="35">
        <v>19</v>
      </c>
      <c r="BM30" s="35">
        <v>950000</v>
      </c>
      <c r="BN30" s="35">
        <v>0</v>
      </c>
      <c r="BO30" s="35">
        <v>0</v>
      </c>
      <c r="BP30" s="35">
        <v>0</v>
      </c>
      <c r="BQ30" s="35">
        <v>0</v>
      </c>
      <c r="BR30" s="35">
        <v>0</v>
      </c>
      <c r="BS30" s="35">
        <v>0</v>
      </c>
      <c r="BT30" s="37">
        <v>23</v>
      </c>
      <c r="BU30" s="37">
        <v>2630000</v>
      </c>
      <c r="BV30" s="47">
        <v>48575</v>
      </c>
      <c r="BW30" s="48">
        <v>1021119227</v>
      </c>
      <c r="CA30" s="49" t="e">
        <v>#REF!</v>
      </c>
    </row>
    <row r="31" spans="1:79" s="9" customFormat="1" ht="12.95" customHeight="1" x14ac:dyDescent="0.15">
      <c r="A31" s="31">
        <v>25</v>
      </c>
      <c r="B31" s="50" t="s">
        <v>81</v>
      </c>
      <c r="C31" s="33">
        <v>828</v>
      </c>
      <c r="D31" s="33">
        <v>11136</v>
      </c>
      <c r="E31" s="33">
        <v>436943210</v>
      </c>
      <c r="F31" s="33">
        <v>35492</v>
      </c>
      <c r="G31" s="33">
        <v>52629</v>
      </c>
      <c r="H31" s="34">
        <v>423189540</v>
      </c>
      <c r="I31" s="35">
        <v>7464</v>
      </c>
      <c r="J31" s="36">
        <v>15679</v>
      </c>
      <c r="K31" s="36">
        <v>106840610</v>
      </c>
      <c r="L31" s="37">
        <v>43784</v>
      </c>
      <c r="M31" s="37">
        <v>79444</v>
      </c>
      <c r="N31" s="39">
        <v>966973360</v>
      </c>
      <c r="O31" s="31">
        <v>25</v>
      </c>
      <c r="P31" s="38" t="s">
        <v>81</v>
      </c>
      <c r="Q31" s="35">
        <v>25668</v>
      </c>
      <c r="R31" s="36">
        <v>30940</v>
      </c>
      <c r="S31" s="36">
        <v>301512540</v>
      </c>
      <c r="T31" s="35">
        <v>801</v>
      </c>
      <c r="U31" s="36">
        <v>28397</v>
      </c>
      <c r="V31" s="36">
        <v>19102170</v>
      </c>
      <c r="W31" s="35">
        <v>119</v>
      </c>
      <c r="X31" s="36">
        <v>743</v>
      </c>
      <c r="Y31" s="36">
        <v>7296460</v>
      </c>
      <c r="Z31" s="37">
        <v>69571</v>
      </c>
      <c r="AA31" s="39">
        <v>1294884530</v>
      </c>
      <c r="AB31" s="31">
        <v>25</v>
      </c>
      <c r="AC31" s="38" t="s">
        <v>81</v>
      </c>
      <c r="AD31" s="35">
        <v>0</v>
      </c>
      <c r="AE31" s="36">
        <v>54</v>
      </c>
      <c r="AF31" s="36">
        <v>2658218</v>
      </c>
      <c r="AG31" s="36">
        <v>25</v>
      </c>
      <c r="AH31" s="36">
        <v>875805</v>
      </c>
      <c r="AI31" s="36">
        <v>1289</v>
      </c>
      <c r="AJ31" s="36">
        <v>9724355</v>
      </c>
      <c r="AK31" s="36">
        <v>155</v>
      </c>
      <c r="AL31" s="36">
        <v>5055845</v>
      </c>
      <c r="AM31" s="36">
        <v>75</v>
      </c>
      <c r="AN31" s="36">
        <v>1292910</v>
      </c>
      <c r="AO31" s="36">
        <v>1</v>
      </c>
      <c r="AP31" s="36">
        <v>1380</v>
      </c>
      <c r="AQ31" s="37">
        <v>1599</v>
      </c>
      <c r="AR31" s="37">
        <v>19608513</v>
      </c>
      <c r="AS31" s="51">
        <v>1</v>
      </c>
      <c r="AT31" s="52">
        <v>1813178</v>
      </c>
      <c r="AU31" s="31">
        <v>25</v>
      </c>
      <c r="AV31" s="50" t="s">
        <v>81</v>
      </c>
      <c r="AW31" s="35">
        <v>0</v>
      </c>
      <c r="AX31" s="36">
        <v>0</v>
      </c>
      <c r="AY31" s="41">
        <v>71170</v>
      </c>
      <c r="AZ31" s="43">
        <v>1314493043</v>
      </c>
      <c r="BA31" s="44">
        <v>960106980</v>
      </c>
      <c r="BB31" s="35">
        <v>297242320</v>
      </c>
      <c r="BC31" s="36">
        <v>57143743</v>
      </c>
      <c r="BD31" s="35">
        <v>4446</v>
      </c>
      <c r="BE31" s="36">
        <v>115191059</v>
      </c>
      <c r="BF31" s="36">
        <v>2</v>
      </c>
      <c r="BG31" s="45">
        <v>97893</v>
      </c>
      <c r="BH31" s="31">
        <v>25</v>
      </c>
      <c r="BI31" s="50" t="s">
        <v>81</v>
      </c>
      <c r="BJ31" s="35">
        <v>24</v>
      </c>
      <c r="BK31" s="35">
        <v>10080000</v>
      </c>
      <c r="BL31" s="35">
        <v>29</v>
      </c>
      <c r="BM31" s="35">
        <v>1450000</v>
      </c>
      <c r="BN31" s="35">
        <v>0</v>
      </c>
      <c r="BO31" s="35">
        <v>0</v>
      </c>
      <c r="BP31" s="35">
        <v>0</v>
      </c>
      <c r="BQ31" s="35">
        <v>0</v>
      </c>
      <c r="BR31" s="35">
        <v>0</v>
      </c>
      <c r="BS31" s="35">
        <v>0</v>
      </c>
      <c r="BT31" s="37">
        <v>53</v>
      </c>
      <c r="BU31" s="37">
        <v>11530000</v>
      </c>
      <c r="BV31" s="47">
        <v>71223</v>
      </c>
      <c r="BW31" s="48">
        <v>1326023043</v>
      </c>
      <c r="CA31" s="49" t="e">
        <v>#REF!</v>
      </c>
    </row>
    <row r="32" spans="1:79" s="9" customFormat="1" ht="12.95" customHeight="1" x14ac:dyDescent="0.15">
      <c r="A32" s="31">
        <v>26</v>
      </c>
      <c r="B32" s="50" t="s">
        <v>82</v>
      </c>
      <c r="C32" s="33">
        <v>735</v>
      </c>
      <c r="D32" s="33">
        <v>12564</v>
      </c>
      <c r="E32" s="33">
        <v>408523990</v>
      </c>
      <c r="F32" s="33">
        <v>25955</v>
      </c>
      <c r="G32" s="33">
        <v>40022</v>
      </c>
      <c r="H32" s="34">
        <v>398142578</v>
      </c>
      <c r="I32" s="35">
        <v>6512</v>
      </c>
      <c r="J32" s="36">
        <v>13094</v>
      </c>
      <c r="K32" s="36">
        <v>87562030</v>
      </c>
      <c r="L32" s="37">
        <v>33202</v>
      </c>
      <c r="M32" s="37">
        <v>65680</v>
      </c>
      <c r="N32" s="39">
        <v>894228598</v>
      </c>
      <c r="O32" s="31">
        <v>26</v>
      </c>
      <c r="P32" s="38" t="s">
        <v>82</v>
      </c>
      <c r="Q32" s="35">
        <v>18719</v>
      </c>
      <c r="R32" s="36">
        <v>23162</v>
      </c>
      <c r="S32" s="36">
        <v>222915450</v>
      </c>
      <c r="T32" s="35">
        <v>699</v>
      </c>
      <c r="U32" s="36">
        <v>33676</v>
      </c>
      <c r="V32" s="36">
        <v>21884357</v>
      </c>
      <c r="W32" s="35">
        <v>41</v>
      </c>
      <c r="X32" s="36">
        <v>388</v>
      </c>
      <c r="Y32" s="36">
        <v>3881060</v>
      </c>
      <c r="Z32" s="37">
        <v>51962</v>
      </c>
      <c r="AA32" s="39">
        <v>1142909465</v>
      </c>
      <c r="AB32" s="31">
        <v>26</v>
      </c>
      <c r="AC32" s="38" t="s">
        <v>82</v>
      </c>
      <c r="AD32" s="35">
        <v>0</v>
      </c>
      <c r="AE32" s="36">
        <v>80</v>
      </c>
      <c r="AF32" s="36">
        <v>786900</v>
      </c>
      <c r="AG32" s="36">
        <v>21</v>
      </c>
      <c r="AH32" s="36">
        <v>638381</v>
      </c>
      <c r="AI32" s="36">
        <v>673</v>
      </c>
      <c r="AJ32" s="36">
        <v>4760406</v>
      </c>
      <c r="AK32" s="36">
        <v>140</v>
      </c>
      <c r="AL32" s="36">
        <v>3897765</v>
      </c>
      <c r="AM32" s="36">
        <v>93</v>
      </c>
      <c r="AN32" s="36">
        <v>1197100</v>
      </c>
      <c r="AO32" s="36">
        <v>0</v>
      </c>
      <c r="AP32" s="36">
        <v>0</v>
      </c>
      <c r="AQ32" s="37">
        <v>1007</v>
      </c>
      <c r="AR32" s="37">
        <v>11280552</v>
      </c>
      <c r="AS32" s="51">
        <v>0</v>
      </c>
      <c r="AT32" s="52">
        <v>0</v>
      </c>
      <c r="AU32" s="31">
        <v>26</v>
      </c>
      <c r="AV32" s="50" t="s">
        <v>82</v>
      </c>
      <c r="AW32" s="35">
        <v>0</v>
      </c>
      <c r="AX32" s="36">
        <v>0</v>
      </c>
      <c r="AY32" s="41">
        <v>52969</v>
      </c>
      <c r="AZ32" s="43">
        <v>1154190017</v>
      </c>
      <c r="BA32" s="44">
        <v>850928027</v>
      </c>
      <c r="BB32" s="35">
        <v>263315683</v>
      </c>
      <c r="BC32" s="36">
        <v>39946307</v>
      </c>
      <c r="BD32" s="35">
        <v>2658</v>
      </c>
      <c r="BE32" s="36">
        <v>118646820</v>
      </c>
      <c r="BF32" s="36">
        <v>3</v>
      </c>
      <c r="BG32" s="45">
        <v>32179</v>
      </c>
      <c r="BH32" s="31">
        <v>26</v>
      </c>
      <c r="BI32" s="50" t="s">
        <v>82</v>
      </c>
      <c r="BJ32" s="35">
        <v>6</v>
      </c>
      <c r="BK32" s="35">
        <v>2520000</v>
      </c>
      <c r="BL32" s="35">
        <v>21</v>
      </c>
      <c r="BM32" s="35">
        <v>1150000</v>
      </c>
      <c r="BN32" s="35">
        <v>0</v>
      </c>
      <c r="BO32" s="35">
        <v>0</v>
      </c>
      <c r="BP32" s="35">
        <v>0</v>
      </c>
      <c r="BQ32" s="35">
        <v>0</v>
      </c>
      <c r="BR32" s="35">
        <v>0</v>
      </c>
      <c r="BS32" s="35">
        <v>0</v>
      </c>
      <c r="BT32" s="37">
        <v>27</v>
      </c>
      <c r="BU32" s="37">
        <v>3670000</v>
      </c>
      <c r="BV32" s="47">
        <v>52996</v>
      </c>
      <c r="BW32" s="48">
        <v>1157860017</v>
      </c>
      <c r="CA32" s="49" t="e">
        <v>#REF!</v>
      </c>
    </row>
    <row r="33" spans="1:79" s="9" customFormat="1" ht="12.95" customHeight="1" x14ac:dyDescent="0.15">
      <c r="A33" s="31">
        <v>27</v>
      </c>
      <c r="B33" s="50" t="s">
        <v>83</v>
      </c>
      <c r="C33" s="33">
        <v>947</v>
      </c>
      <c r="D33" s="33">
        <v>16397</v>
      </c>
      <c r="E33" s="33">
        <v>507928180</v>
      </c>
      <c r="F33" s="33">
        <v>27814</v>
      </c>
      <c r="G33" s="33">
        <v>43678</v>
      </c>
      <c r="H33" s="34">
        <v>409241730</v>
      </c>
      <c r="I33" s="35">
        <v>6680</v>
      </c>
      <c r="J33" s="36">
        <v>13204</v>
      </c>
      <c r="K33" s="36">
        <v>85684180</v>
      </c>
      <c r="L33" s="37">
        <v>35441</v>
      </c>
      <c r="M33" s="37">
        <v>73279</v>
      </c>
      <c r="N33" s="39">
        <v>1002854090</v>
      </c>
      <c r="O33" s="31">
        <v>27</v>
      </c>
      <c r="P33" s="38" t="s">
        <v>83</v>
      </c>
      <c r="Q33" s="35">
        <v>21429</v>
      </c>
      <c r="R33" s="36">
        <v>27054</v>
      </c>
      <c r="S33" s="36">
        <v>250330760</v>
      </c>
      <c r="T33" s="35">
        <v>900</v>
      </c>
      <c r="U33" s="36">
        <v>44545</v>
      </c>
      <c r="V33" s="36">
        <v>29987632</v>
      </c>
      <c r="W33" s="35">
        <v>39</v>
      </c>
      <c r="X33" s="36">
        <v>192</v>
      </c>
      <c r="Y33" s="36">
        <v>2093920</v>
      </c>
      <c r="Z33" s="37">
        <v>56909</v>
      </c>
      <c r="AA33" s="39">
        <v>1285266402</v>
      </c>
      <c r="AB33" s="31">
        <v>27</v>
      </c>
      <c r="AC33" s="38" t="s">
        <v>83</v>
      </c>
      <c r="AD33" s="35">
        <v>1</v>
      </c>
      <c r="AE33" s="36">
        <v>22</v>
      </c>
      <c r="AF33" s="36">
        <v>207488</v>
      </c>
      <c r="AG33" s="36">
        <v>24</v>
      </c>
      <c r="AH33" s="36">
        <v>729485</v>
      </c>
      <c r="AI33" s="36">
        <v>694</v>
      </c>
      <c r="AJ33" s="36">
        <v>4836582</v>
      </c>
      <c r="AK33" s="36">
        <v>100</v>
      </c>
      <c r="AL33" s="36">
        <v>3092435</v>
      </c>
      <c r="AM33" s="36">
        <v>105</v>
      </c>
      <c r="AN33" s="36">
        <v>1821310</v>
      </c>
      <c r="AO33" s="36">
        <v>0</v>
      </c>
      <c r="AP33" s="36">
        <v>0</v>
      </c>
      <c r="AQ33" s="37">
        <v>945</v>
      </c>
      <c r="AR33" s="37">
        <v>10687300</v>
      </c>
      <c r="AS33" s="51">
        <v>0</v>
      </c>
      <c r="AT33" s="52">
        <v>0</v>
      </c>
      <c r="AU33" s="31">
        <v>27</v>
      </c>
      <c r="AV33" s="50" t="s">
        <v>83</v>
      </c>
      <c r="AW33" s="35">
        <v>0</v>
      </c>
      <c r="AX33" s="36">
        <v>0</v>
      </c>
      <c r="AY33" s="41">
        <v>57855</v>
      </c>
      <c r="AZ33" s="43">
        <v>1295953702</v>
      </c>
      <c r="BA33" s="44">
        <v>945163129</v>
      </c>
      <c r="BB33" s="35">
        <v>307668847</v>
      </c>
      <c r="BC33" s="36">
        <v>43121726</v>
      </c>
      <c r="BD33" s="35">
        <v>2120</v>
      </c>
      <c r="BE33" s="36">
        <v>139528119</v>
      </c>
      <c r="BF33" s="36">
        <v>1</v>
      </c>
      <c r="BG33" s="45">
        <v>458</v>
      </c>
      <c r="BH33" s="31">
        <v>27</v>
      </c>
      <c r="BI33" s="50" t="s">
        <v>83</v>
      </c>
      <c r="BJ33" s="35">
        <v>5</v>
      </c>
      <c r="BK33" s="35">
        <v>2084000</v>
      </c>
      <c r="BL33" s="35">
        <v>33</v>
      </c>
      <c r="BM33" s="35">
        <v>1650000</v>
      </c>
      <c r="BN33" s="35">
        <v>0</v>
      </c>
      <c r="BO33" s="35">
        <v>0</v>
      </c>
      <c r="BP33" s="35">
        <v>0</v>
      </c>
      <c r="BQ33" s="35">
        <v>0</v>
      </c>
      <c r="BR33" s="35">
        <v>0</v>
      </c>
      <c r="BS33" s="35">
        <v>0</v>
      </c>
      <c r="BT33" s="37">
        <v>38</v>
      </c>
      <c r="BU33" s="37">
        <v>3734000</v>
      </c>
      <c r="BV33" s="47">
        <v>57893</v>
      </c>
      <c r="BW33" s="48">
        <v>1299687702</v>
      </c>
      <c r="CA33" s="49" t="e">
        <v>#REF!</v>
      </c>
    </row>
    <row r="34" spans="1:79" s="9" customFormat="1" ht="12.95" customHeight="1" x14ac:dyDescent="0.15">
      <c r="A34" s="31">
        <v>28</v>
      </c>
      <c r="B34" s="50" t="s">
        <v>84</v>
      </c>
      <c r="C34" s="33">
        <v>873</v>
      </c>
      <c r="D34" s="33">
        <v>13752</v>
      </c>
      <c r="E34" s="33">
        <v>475536247</v>
      </c>
      <c r="F34" s="33">
        <v>34861</v>
      </c>
      <c r="G34" s="33">
        <v>53096</v>
      </c>
      <c r="H34" s="34">
        <v>527064735</v>
      </c>
      <c r="I34" s="35">
        <v>7540</v>
      </c>
      <c r="J34" s="36">
        <v>15223</v>
      </c>
      <c r="K34" s="36">
        <v>105985100</v>
      </c>
      <c r="L34" s="37">
        <v>43274</v>
      </c>
      <c r="M34" s="37">
        <v>82071</v>
      </c>
      <c r="N34" s="39">
        <v>1108586082</v>
      </c>
      <c r="O34" s="31">
        <v>28</v>
      </c>
      <c r="P34" s="38" t="s">
        <v>84</v>
      </c>
      <c r="Q34" s="35">
        <v>26040</v>
      </c>
      <c r="R34" s="36">
        <v>33213</v>
      </c>
      <c r="S34" s="36">
        <v>280008042</v>
      </c>
      <c r="T34" s="35">
        <v>843</v>
      </c>
      <c r="U34" s="36">
        <v>35689</v>
      </c>
      <c r="V34" s="36">
        <v>23968664</v>
      </c>
      <c r="W34" s="35">
        <v>117</v>
      </c>
      <c r="X34" s="36">
        <v>600</v>
      </c>
      <c r="Y34" s="36">
        <v>6086640</v>
      </c>
      <c r="Z34" s="37">
        <v>69431</v>
      </c>
      <c r="AA34" s="39">
        <v>1418649428</v>
      </c>
      <c r="AB34" s="31">
        <v>28</v>
      </c>
      <c r="AC34" s="38" t="s">
        <v>84</v>
      </c>
      <c r="AD34" s="35">
        <v>1</v>
      </c>
      <c r="AE34" s="36">
        <v>68</v>
      </c>
      <c r="AF34" s="36">
        <v>566156</v>
      </c>
      <c r="AG34" s="36">
        <v>31</v>
      </c>
      <c r="AH34" s="36">
        <v>1090939</v>
      </c>
      <c r="AI34" s="36">
        <v>1012</v>
      </c>
      <c r="AJ34" s="36">
        <v>7072267</v>
      </c>
      <c r="AK34" s="36">
        <v>111</v>
      </c>
      <c r="AL34" s="36">
        <v>4075880</v>
      </c>
      <c r="AM34" s="36">
        <v>42</v>
      </c>
      <c r="AN34" s="36">
        <v>833950</v>
      </c>
      <c r="AO34" s="36">
        <v>0</v>
      </c>
      <c r="AP34" s="36">
        <v>0</v>
      </c>
      <c r="AQ34" s="37">
        <v>1264</v>
      </c>
      <c r="AR34" s="37">
        <v>13639192</v>
      </c>
      <c r="AS34" s="51">
        <v>1</v>
      </c>
      <c r="AT34" s="52">
        <v>56416</v>
      </c>
      <c r="AU34" s="31">
        <v>28</v>
      </c>
      <c r="AV34" s="50" t="s">
        <v>84</v>
      </c>
      <c r="AW34" s="35">
        <v>2</v>
      </c>
      <c r="AX34" s="36">
        <v>133740</v>
      </c>
      <c r="AY34" s="41">
        <v>70698</v>
      </c>
      <c r="AZ34" s="43">
        <v>1432422360</v>
      </c>
      <c r="BA34" s="44">
        <v>1045054850</v>
      </c>
      <c r="BB34" s="35">
        <v>336054909</v>
      </c>
      <c r="BC34" s="36">
        <v>51312601</v>
      </c>
      <c r="BD34" s="35">
        <v>2101</v>
      </c>
      <c r="BE34" s="36">
        <v>138920761</v>
      </c>
      <c r="BF34" s="36">
        <v>3</v>
      </c>
      <c r="BG34" s="45">
        <v>44410</v>
      </c>
      <c r="BH34" s="31">
        <v>28</v>
      </c>
      <c r="BI34" s="50" t="s">
        <v>84</v>
      </c>
      <c r="BJ34" s="35">
        <v>16</v>
      </c>
      <c r="BK34" s="35">
        <v>6704000</v>
      </c>
      <c r="BL34" s="35">
        <v>26</v>
      </c>
      <c r="BM34" s="35">
        <v>1820000</v>
      </c>
      <c r="BN34" s="35">
        <v>0</v>
      </c>
      <c r="BO34" s="35">
        <v>0</v>
      </c>
      <c r="BP34" s="35">
        <v>0</v>
      </c>
      <c r="BQ34" s="35">
        <v>0</v>
      </c>
      <c r="BR34" s="35">
        <v>0</v>
      </c>
      <c r="BS34" s="35">
        <v>0</v>
      </c>
      <c r="BT34" s="37">
        <v>42</v>
      </c>
      <c r="BU34" s="37">
        <v>8524000</v>
      </c>
      <c r="BV34" s="47">
        <v>70740</v>
      </c>
      <c r="BW34" s="48">
        <v>1440946360</v>
      </c>
      <c r="CA34" s="49" t="e">
        <v>#REF!</v>
      </c>
    </row>
    <row r="35" spans="1:79" s="9" customFormat="1" ht="12.95" customHeight="1" x14ac:dyDescent="0.15">
      <c r="A35" s="31">
        <v>29</v>
      </c>
      <c r="B35" s="50" t="s">
        <v>85</v>
      </c>
      <c r="C35" s="33">
        <v>864</v>
      </c>
      <c r="D35" s="33">
        <v>13238</v>
      </c>
      <c r="E35" s="33">
        <v>468906880</v>
      </c>
      <c r="F35" s="33">
        <v>29259</v>
      </c>
      <c r="G35" s="33">
        <v>45937</v>
      </c>
      <c r="H35" s="34">
        <v>435960900</v>
      </c>
      <c r="I35" s="35">
        <v>6115</v>
      </c>
      <c r="J35" s="36">
        <v>11915</v>
      </c>
      <c r="K35" s="36">
        <v>83000690</v>
      </c>
      <c r="L35" s="37">
        <v>36238</v>
      </c>
      <c r="M35" s="37">
        <v>71090</v>
      </c>
      <c r="N35" s="39">
        <v>987868470</v>
      </c>
      <c r="O35" s="31">
        <v>29</v>
      </c>
      <c r="P35" s="38" t="s">
        <v>85</v>
      </c>
      <c r="Q35" s="35">
        <v>18637</v>
      </c>
      <c r="R35" s="36">
        <v>24690</v>
      </c>
      <c r="S35" s="36">
        <v>224838970</v>
      </c>
      <c r="T35" s="35">
        <v>834</v>
      </c>
      <c r="U35" s="36">
        <v>35182</v>
      </c>
      <c r="V35" s="36">
        <v>23556639</v>
      </c>
      <c r="W35" s="35">
        <v>64</v>
      </c>
      <c r="X35" s="36">
        <v>334</v>
      </c>
      <c r="Y35" s="36">
        <v>3625200</v>
      </c>
      <c r="Z35" s="37">
        <v>54939</v>
      </c>
      <c r="AA35" s="39">
        <v>1239889279</v>
      </c>
      <c r="AB35" s="31">
        <v>29</v>
      </c>
      <c r="AC35" s="38" t="s">
        <v>85</v>
      </c>
      <c r="AD35" s="35">
        <v>4</v>
      </c>
      <c r="AE35" s="36">
        <v>22</v>
      </c>
      <c r="AF35" s="36">
        <v>193120</v>
      </c>
      <c r="AG35" s="36">
        <v>35</v>
      </c>
      <c r="AH35" s="36">
        <v>1562610</v>
      </c>
      <c r="AI35" s="36">
        <v>846</v>
      </c>
      <c r="AJ35" s="36">
        <v>5175980</v>
      </c>
      <c r="AK35" s="36">
        <v>69</v>
      </c>
      <c r="AL35" s="36">
        <v>1455635</v>
      </c>
      <c r="AM35" s="36">
        <v>15</v>
      </c>
      <c r="AN35" s="36">
        <v>167340</v>
      </c>
      <c r="AO35" s="36">
        <v>0</v>
      </c>
      <c r="AP35" s="36">
        <v>0</v>
      </c>
      <c r="AQ35" s="37">
        <v>987</v>
      </c>
      <c r="AR35" s="37">
        <v>8554685</v>
      </c>
      <c r="AS35" s="51">
        <v>0</v>
      </c>
      <c r="AT35" s="52">
        <v>0</v>
      </c>
      <c r="AU35" s="31">
        <v>29</v>
      </c>
      <c r="AV35" s="50" t="s">
        <v>85</v>
      </c>
      <c r="AW35" s="35">
        <v>0</v>
      </c>
      <c r="AX35" s="36">
        <v>0</v>
      </c>
      <c r="AY35" s="41">
        <v>55930</v>
      </c>
      <c r="AZ35" s="43">
        <v>1248443964</v>
      </c>
      <c r="BA35" s="44">
        <v>909776171</v>
      </c>
      <c r="BB35" s="35">
        <v>295452503</v>
      </c>
      <c r="BC35" s="36">
        <v>43215290</v>
      </c>
      <c r="BD35" s="35">
        <v>1934</v>
      </c>
      <c r="BE35" s="36">
        <v>121438737</v>
      </c>
      <c r="BF35" s="36">
        <v>4</v>
      </c>
      <c r="BG35" s="45">
        <v>46049</v>
      </c>
      <c r="BH35" s="31">
        <v>29</v>
      </c>
      <c r="BI35" s="50" t="s">
        <v>85</v>
      </c>
      <c r="BJ35" s="35">
        <v>12</v>
      </c>
      <c r="BK35" s="35">
        <v>5040000</v>
      </c>
      <c r="BL35" s="35">
        <v>14</v>
      </c>
      <c r="BM35" s="35">
        <v>700000</v>
      </c>
      <c r="BN35" s="35">
        <v>0</v>
      </c>
      <c r="BO35" s="35">
        <v>0</v>
      </c>
      <c r="BP35" s="35">
        <v>0</v>
      </c>
      <c r="BQ35" s="35">
        <v>0</v>
      </c>
      <c r="BR35" s="35">
        <v>0</v>
      </c>
      <c r="BS35" s="35">
        <v>0</v>
      </c>
      <c r="BT35" s="37">
        <v>26</v>
      </c>
      <c r="BU35" s="37">
        <v>5740000</v>
      </c>
      <c r="BV35" s="47">
        <v>55956</v>
      </c>
      <c r="BW35" s="48">
        <v>1254183964</v>
      </c>
      <c r="CA35" s="49" t="e">
        <v>#REF!</v>
      </c>
    </row>
    <row r="36" spans="1:79" s="9" customFormat="1" ht="12.95" customHeight="1" x14ac:dyDescent="0.15">
      <c r="A36" s="31">
        <v>30</v>
      </c>
      <c r="B36" s="50" t="s">
        <v>86</v>
      </c>
      <c r="C36" s="33">
        <v>662</v>
      </c>
      <c r="D36" s="33">
        <v>10906</v>
      </c>
      <c r="E36" s="33">
        <v>385972340</v>
      </c>
      <c r="F36" s="33">
        <v>21216</v>
      </c>
      <c r="G36" s="33">
        <v>30549</v>
      </c>
      <c r="H36" s="34">
        <v>347205060</v>
      </c>
      <c r="I36" s="35">
        <v>4175</v>
      </c>
      <c r="J36" s="36">
        <v>7809</v>
      </c>
      <c r="K36" s="36">
        <v>53523740</v>
      </c>
      <c r="L36" s="37">
        <v>26053</v>
      </c>
      <c r="M36" s="37">
        <v>49264</v>
      </c>
      <c r="N36" s="39">
        <v>786701140</v>
      </c>
      <c r="O36" s="31">
        <v>30</v>
      </c>
      <c r="P36" s="38" t="s">
        <v>86</v>
      </c>
      <c r="Q36" s="35">
        <v>13848</v>
      </c>
      <c r="R36" s="36">
        <v>16054</v>
      </c>
      <c r="S36" s="36">
        <v>178003510</v>
      </c>
      <c r="T36" s="35">
        <v>638</v>
      </c>
      <c r="U36" s="36">
        <v>28800</v>
      </c>
      <c r="V36" s="36">
        <v>19473768</v>
      </c>
      <c r="W36" s="35">
        <v>63</v>
      </c>
      <c r="X36" s="36">
        <v>691</v>
      </c>
      <c r="Y36" s="36">
        <v>9641170</v>
      </c>
      <c r="Z36" s="37">
        <v>39964</v>
      </c>
      <c r="AA36" s="39">
        <v>993819588</v>
      </c>
      <c r="AB36" s="31">
        <v>30</v>
      </c>
      <c r="AC36" s="38" t="s">
        <v>86</v>
      </c>
      <c r="AD36" s="35">
        <v>1</v>
      </c>
      <c r="AE36" s="36">
        <v>74</v>
      </c>
      <c r="AF36" s="36">
        <v>1053630</v>
      </c>
      <c r="AG36" s="36">
        <v>18</v>
      </c>
      <c r="AH36" s="36">
        <v>570615</v>
      </c>
      <c r="AI36" s="36">
        <v>682</v>
      </c>
      <c r="AJ36" s="36">
        <v>5314129</v>
      </c>
      <c r="AK36" s="36">
        <v>46</v>
      </c>
      <c r="AL36" s="36">
        <v>335715</v>
      </c>
      <c r="AM36" s="36">
        <v>23</v>
      </c>
      <c r="AN36" s="36">
        <v>278760</v>
      </c>
      <c r="AO36" s="36">
        <v>0</v>
      </c>
      <c r="AP36" s="36">
        <v>0</v>
      </c>
      <c r="AQ36" s="37">
        <v>843</v>
      </c>
      <c r="AR36" s="37">
        <v>7552849</v>
      </c>
      <c r="AS36" s="51">
        <v>0</v>
      </c>
      <c r="AT36" s="52">
        <v>0</v>
      </c>
      <c r="AU36" s="31">
        <v>30</v>
      </c>
      <c r="AV36" s="50" t="s">
        <v>86</v>
      </c>
      <c r="AW36" s="35">
        <v>0</v>
      </c>
      <c r="AX36" s="36">
        <v>0</v>
      </c>
      <c r="AY36" s="41">
        <v>40808</v>
      </c>
      <c r="AZ36" s="43">
        <v>1001372437</v>
      </c>
      <c r="BA36" s="44">
        <v>729726959</v>
      </c>
      <c r="BB36" s="35">
        <v>237749756</v>
      </c>
      <c r="BC36" s="36">
        <v>33895722</v>
      </c>
      <c r="BD36" s="35">
        <v>1732</v>
      </c>
      <c r="BE36" s="36">
        <v>117097895</v>
      </c>
      <c r="BF36" s="36">
        <v>1</v>
      </c>
      <c r="BG36" s="45">
        <v>4586</v>
      </c>
      <c r="BH36" s="31">
        <v>30</v>
      </c>
      <c r="BI36" s="50" t="s">
        <v>86</v>
      </c>
      <c r="BJ36" s="35">
        <v>6</v>
      </c>
      <c r="BK36" s="35">
        <v>2520000</v>
      </c>
      <c r="BL36" s="35">
        <v>18</v>
      </c>
      <c r="BM36" s="35">
        <v>900000</v>
      </c>
      <c r="BN36" s="35">
        <v>0</v>
      </c>
      <c r="BO36" s="35">
        <v>0</v>
      </c>
      <c r="BP36" s="35">
        <v>0</v>
      </c>
      <c r="BQ36" s="35">
        <v>0</v>
      </c>
      <c r="BR36" s="35">
        <v>0</v>
      </c>
      <c r="BS36" s="35">
        <v>0</v>
      </c>
      <c r="BT36" s="37">
        <v>24</v>
      </c>
      <c r="BU36" s="37">
        <v>3420000</v>
      </c>
      <c r="BV36" s="47">
        <v>40832</v>
      </c>
      <c r="BW36" s="48">
        <v>1004792437</v>
      </c>
      <c r="CA36" s="49" t="e">
        <v>#REF!</v>
      </c>
    </row>
    <row r="37" spans="1:79" s="9" customFormat="1" ht="12.95" customHeight="1" x14ac:dyDescent="0.15">
      <c r="A37" s="31">
        <v>31</v>
      </c>
      <c r="B37" s="50" t="s">
        <v>87</v>
      </c>
      <c r="C37" s="33">
        <v>1959</v>
      </c>
      <c r="D37" s="33">
        <v>30149</v>
      </c>
      <c r="E37" s="33">
        <v>1082067350</v>
      </c>
      <c r="F37" s="33">
        <v>68443</v>
      </c>
      <c r="G37" s="33">
        <v>96735</v>
      </c>
      <c r="H37" s="34">
        <v>1022985087</v>
      </c>
      <c r="I37" s="35">
        <v>14172</v>
      </c>
      <c r="J37" s="36">
        <v>26167</v>
      </c>
      <c r="K37" s="36">
        <v>191649510</v>
      </c>
      <c r="L37" s="37">
        <v>84574</v>
      </c>
      <c r="M37" s="37">
        <v>153051</v>
      </c>
      <c r="N37" s="39">
        <v>2296701947</v>
      </c>
      <c r="O37" s="31">
        <v>31</v>
      </c>
      <c r="P37" s="38" t="s">
        <v>87</v>
      </c>
      <c r="Q37" s="35">
        <v>47641</v>
      </c>
      <c r="R37" s="36">
        <v>54758</v>
      </c>
      <c r="S37" s="36">
        <v>535319334</v>
      </c>
      <c r="T37" s="35">
        <v>1871</v>
      </c>
      <c r="U37" s="36">
        <v>77313</v>
      </c>
      <c r="V37" s="36">
        <v>51879864</v>
      </c>
      <c r="W37" s="35">
        <v>84</v>
      </c>
      <c r="X37" s="36">
        <v>500</v>
      </c>
      <c r="Y37" s="36">
        <v>5237980</v>
      </c>
      <c r="Z37" s="37">
        <v>132299</v>
      </c>
      <c r="AA37" s="39">
        <v>2889139125</v>
      </c>
      <c r="AB37" s="31">
        <v>31</v>
      </c>
      <c r="AC37" s="38" t="s">
        <v>87</v>
      </c>
      <c r="AD37" s="35">
        <v>0</v>
      </c>
      <c r="AE37" s="36">
        <v>48</v>
      </c>
      <c r="AF37" s="36">
        <v>2303991</v>
      </c>
      <c r="AG37" s="36">
        <v>76</v>
      </c>
      <c r="AH37" s="36">
        <v>2662220</v>
      </c>
      <c r="AI37" s="36">
        <v>3786</v>
      </c>
      <c r="AJ37" s="36">
        <v>28730336</v>
      </c>
      <c r="AK37" s="36">
        <v>219</v>
      </c>
      <c r="AL37" s="36">
        <v>6296830</v>
      </c>
      <c r="AM37" s="36">
        <v>260</v>
      </c>
      <c r="AN37" s="36">
        <v>4220150</v>
      </c>
      <c r="AO37" s="36">
        <v>0</v>
      </c>
      <c r="AP37" s="36">
        <v>0</v>
      </c>
      <c r="AQ37" s="37">
        <v>4389</v>
      </c>
      <c r="AR37" s="37">
        <v>44213527</v>
      </c>
      <c r="AS37" s="51">
        <v>0</v>
      </c>
      <c r="AT37" s="52">
        <v>0</v>
      </c>
      <c r="AU37" s="31">
        <v>31</v>
      </c>
      <c r="AV37" s="50" t="s">
        <v>87</v>
      </c>
      <c r="AW37" s="35">
        <v>1</v>
      </c>
      <c r="AX37" s="36">
        <v>51440</v>
      </c>
      <c r="AY37" s="41">
        <v>136689</v>
      </c>
      <c r="AZ37" s="43">
        <v>2933404092</v>
      </c>
      <c r="BA37" s="44">
        <v>2153869955</v>
      </c>
      <c r="BB37" s="35">
        <v>693597271</v>
      </c>
      <c r="BC37" s="36">
        <v>85936866</v>
      </c>
      <c r="BD37" s="35">
        <v>5469</v>
      </c>
      <c r="BE37" s="36">
        <v>291831900</v>
      </c>
      <c r="BF37" s="36">
        <v>5</v>
      </c>
      <c r="BG37" s="45">
        <v>60699</v>
      </c>
      <c r="BH37" s="31">
        <v>31</v>
      </c>
      <c r="BI37" s="50" t="s">
        <v>87</v>
      </c>
      <c r="BJ37" s="35">
        <v>25</v>
      </c>
      <c r="BK37" s="35">
        <v>10080000</v>
      </c>
      <c r="BL37" s="35">
        <v>59</v>
      </c>
      <c r="BM37" s="35">
        <v>2950000</v>
      </c>
      <c r="BN37" s="35">
        <v>0</v>
      </c>
      <c r="BO37" s="35">
        <v>0</v>
      </c>
      <c r="BP37" s="35">
        <v>0</v>
      </c>
      <c r="BQ37" s="35">
        <v>0</v>
      </c>
      <c r="BR37" s="35">
        <v>0</v>
      </c>
      <c r="BS37" s="35">
        <v>0</v>
      </c>
      <c r="BT37" s="37">
        <v>84</v>
      </c>
      <c r="BU37" s="37">
        <v>13030000</v>
      </c>
      <c r="BV37" s="47">
        <v>136773</v>
      </c>
      <c r="BW37" s="48">
        <v>2946434092</v>
      </c>
      <c r="CA37" s="49" t="e">
        <v>#REF!</v>
      </c>
    </row>
    <row r="38" spans="1:79" s="9" customFormat="1" ht="12.95" customHeight="1" x14ac:dyDescent="0.15">
      <c r="A38" s="31">
        <v>32</v>
      </c>
      <c r="B38" s="50" t="s">
        <v>88</v>
      </c>
      <c r="C38" s="33">
        <v>2778</v>
      </c>
      <c r="D38" s="33">
        <v>43414</v>
      </c>
      <c r="E38" s="33">
        <v>1581787193</v>
      </c>
      <c r="F38" s="33">
        <v>104674</v>
      </c>
      <c r="G38" s="33">
        <v>157221</v>
      </c>
      <c r="H38" s="34">
        <v>1583271846</v>
      </c>
      <c r="I38" s="35">
        <v>19080</v>
      </c>
      <c r="J38" s="36">
        <v>37777</v>
      </c>
      <c r="K38" s="36">
        <v>257694220</v>
      </c>
      <c r="L38" s="37">
        <v>126532</v>
      </c>
      <c r="M38" s="37">
        <v>238412</v>
      </c>
      <c r="N38" s="39">
        <v>3422753259</v>
      </c>
      <c r="O38" s="31">
        <v>32</v>
      </c>
      <c r="P38" s="38" t="s">
        <v>88</v>
      </c>
      <c r="Q38" s="35">
        <v>77016</v>
      </c>
      <c r="R38" s="36">
        <v>92896</v>
      </c>
      <c r="S38" s="36">
        <v>911416723</v>
      </c>
      <c r="T38" s="35">
        <v>2639</v>
      </c>
      <c r="U38" s="36">
        <v>111148</v>
      </c>
      <c r="V38" s="36">
        <v>73400262</v>
      </c>
      <c r="W38" s="35">
        <v>220</v>
      </c>
      <c r="X38" s="36">
        <v>788</v>
      </c>
      <c r="Y38" s="36">
        <v>8575360</v>
      </c>
      <c r="Z38" s="37">
        <v>203768</v>
      </c>
      <c r="AA38" s="39">
        <v>4416145604</v>
      </c>
      <c r="AB38" s="31">
        <v>32</v>
      </c>
      <c r="AC38" s="38" t="s">
        <v>88</v>
      </c>
      <c r="AD38" s="35">
        <v>0</v>
      </c>
      <c r="AE38" s="36">
        <v>145</v>
      </c>
      <c r="AF38" s="36">
        <v>2164060</v>
      </c>
      <c r="AG38" s="36">
        <v>82</v>
      </c>
      <c r="AH38" s="36">
        <v>2331673</v>
      </c>
      <c r="AI38" s="36">
        <v>3523</v>
      </c>
      <c r="AJ38" s="36">
        <v>22526360</v>
      </c>
      <c r="AK38" s="36">
        <v>502</v>
      </c>
      <c r="AL38" s="36">
        <v>18365210</v>
      </c>
      <c r="AM38" s="36">
        <v>120</v>
      </c>
      <c r="AN38" s="36">
        <v>3807705</v>
      </c>
      <c r="AO38" s="36">
        <v>0</v>
      </c>
      <c r="AP38" s="36">
        <v>0</v>
      </c>
      <c r="AQ38" s="37">
        <v>4372</v>
      </c>
      <c r="AR38" s="37">
        <v>49195008</v>
      </c>
      <c r="AS38" s="51">
        <v>4</v>
      </c>
      <c r="AT38" s="52">
        <v>841580</v>
      </c>
      <c r="AU38" s="31">
        <v>32</v>
      </c>
      <c r="AV38" s="50" t="s">
        <v>88</v>
      </c>
      <c r="AW38" s="35">
        <v>0</v>
      </c>
      <c r="AX38" s="36">
        <v>0</v>
      </c>
      <c r="AY38" s="41">
        <v>208140</v>
      </c>
      <c r="AZ38" s="43">
        <v>4465340612</v>
      </c>
      <c r="BA38" s="44">
        <v>3244440534</v>
      </c>
      <c r="BB38" s="35">
        <v>1044743736</v>
      </c>
      <c r="BC38" s="36">
        <v>176156342</v>
      </c>
      <c r="BD38" s="35">
        <v>7809</v>
      </c>
      <c r="BE38" s="36">
        <v>482239890</v>
      </c>
      <c r="BF38" s="36">
        <v>25</v>
      </c>
      <c r="BG38" s="45">
        <v>464892</v>
      </c>
      <c r="BH38" s="31">
        <v>32</v>
      </c>
      <c r="BI38" s="50" t="s">
        <v>88</v>
      </c>
      <c r="BJ38" s="35">
        <v>51</v>
      </c>
      <c r="BK38" s="35">
        <v>21000000</v>
      </c>
      <c r="BL38" s="35">
        <v>85</v>
      </c>
      <c r="BM38" s="35">
        <v>4250000</v>
      </c>
      <c r="BN38" s="35">
        <v>0</v>
      </c>
      <c r="BO38" s="35">
        <v>0</v>
      </c>
      <c r="BP38" s="35">
        <v>0</v>
      </c>
      <c r="BQ38" s="35">
        <v>0</v>
      </c>
      <c r="BR38" s="35">
        <v>0</v>
      </c>
      <c r="BS38" s="35">
        <v>0</v>
      </c>
      <c r="BT38" s="60">
        <v>136</v>
      </c>
      <c r="BU38" s="37">
        <v>25250000</v>
      </c>
      <c r="BV38" s="47">
        <v>208276</v>
      </c>
      <c r="BW38" s="48">
        <v>4490590612</v>
      </c>
      <c r="CA38" s="49" t="e">
        <v>#REF!</v>
      </c>
    </row>
    <row r="39" spans="1:79" s="9" customFormat="1" ht="12.95" customHeight="1" thickBot="1" x14ac:dyDescent="0.2">
      <c r="A39" s="67">
        <v>33</v>
      </c>
      <c r="B39" s="68" t="s">
        <v>89</v>
      </c>
      <c r="C39" s="87">
        <v>246</v>
      </c>
      <c r="D39" s="87">
        <v>4084</v>
      </c>
      <c r="E39" s="87">
        <v>136952700</v>
      </c>
      <c r="F39" s="87">
        <v>7781</v>
      </c>
      <c r="G39" s="87">
        <v>12252</v>
      </c>
      <c r="H39" s="88">
        <v>114650056</v>
      </c>
      <c r="I39" s="89">
        <v>1802</v>
      </c>
      <c r="J39" s="90">
        <v>3462</v>
      </c>
      <c r="K39" s="90">
        <v>23186490</v>
      </c>
      <c r="L39" s="91">
        <v>9829</v>
      </c>
      <c r="M39" s="91">
        <v>19798</v>
      </c>
      <c r="N39" s="92">
        <v>274789246</v>
      </c>
      <c r="O39" s="67">
        <v>33</v>
      </c>
      <c r="P39" s="75" t="s">
        <v>89</v>
      </c>
      <c r="Q39" s="89">
        <v>4097</v>
      </c>
      <c r="R39" s="90">
        <v>4839</v>
      </c>
      <c r="S39" s="90">
        <v>58703950</v>
      </c>
      <c r="T39" s="89">
        <v>236</v>
      </c>
      <c r="U39" s="90">
        <v>11000</v>
      </c>
      <c r="V39" s="90">
        <v>7285598</v>
      </c>
      <c r="W39" s="89">
        <v>36</v>
      </c>
      <c r="X39" s="90">
        <v>332</v>
      </c>
      <c r="Y39" s="90">
        <v>3558480</v>
      </c>
      <c r="Z39" s="76">
        <v>13962</v>
      </c>
      <c r="AA39" s="92">
        <v>344337274</v>
      </c>
      <c r="AB39" s="67">
        <v>33</v>
      </c>
      <c r="AC39" s="75" t="s">
        <v>89</v>
      </c>
      <c r="AD39" s="89">
        <v>0</v>
      </c>
      <c r="AE39" s="90">
        <v>19</v>
      </c>
      <c r="AF39" s="90">
        <v>281020</v>
      </c>
      <c r="AG39" s="90">
        <v>4</v>
      </c>
      <c r="AH39" s="90">
        <v>154579</v>
      </c>
      <c r="AI39" s="90">
        <v>258</v>
      </c>
      <c r="AJ39" s="90">
        <v>1825714</v>
      </c>
      <c r="AK39" s="90">
        <v>36</v>
      </c>
      <c r="AL39" s="90">
        <v>775890</v>
      </c>
      <c r="AM39" s="90">
        <v>16</v>
      </c>
      <c r="AN39" s="90">
        <v>86720</v>
      </c>
      <c r="AO39" s="90">
        <v>0</v>
      </c>
      <c r="AP39" s="90">
        <v>0</v>
      </c>
      <c r="AQ39" s="91">
        <v>333</v>
      </c>
      <c r="AR39" s="91">
        <v>3123923</v>
      </c>
      <c r="AS39" s="77">
        <v>0</v>
      </c>
      <c r="AT39" s="78">
        <v>0</v>
      </c>
      <c r="AU39" s="67">
        <v>33</v>
      </c>
      <c r="AV39" s="68" t="s">
        <v>89</v>
      </c>
      <c r="AW39" s="89">
        <v>1</v>
      </c>
      <c r="AX39" s="90">
        <v>7020</v>
      </c>
      <c r="AY39" s="77">
        <v>14296</v>
      </c>
      <c r="AZ39" s="80">
        <v>347468217</v>
      </c>
      <c r="BA39" s="93">
        <v>252410009</v>
      </c>
      <c r="BB39" s="89">
        <v>79496063</v>
      </c>
      <c r="BC39" s="90">
        <v>15562145</v>
      </c>
      <c r="BD39" s="89">
        <v>542</v>
      </c>
      <c r="BE39" s="90">
        <v>32533289</v>
      </c>
      <c r="BF39" s="90">
        <v>0</v>
      </c>
      <c r="BG39" s="94">
        <v>0</v>
      </c>
      <c r="BH39" s="67">
        <v>33</v>
      </c>
      <c r="BI39" s="68" t="s">
        <v>89</v>
      </c>
      <c r="BJ39" s="89">
        <v>2</v>
      </c>
      <c r="BK39" s="89">
        <v>840000</v>
      </c>
      <c r="BL39" s="89">
        <v>8</v>
      </c>
      <c r="BM39" s="89">
        <v>400000</v>
      </c>
      <c r="BN39" s="89">
        <v>0</v>
      </c>
      <c r="BO39" s="89">
        <v>0</v>
      </c>
      <c r="BP39" s="89">
        <v>0</v>
      </c>
      <c r="BQ39" s="89">
        <v>0</v>
      </c>
      <c r="BR39" s="89">
        <v>0</v>
      </c>
      <c r="BS39" s="89">
        <v>0</v>
      </c>
      <c r="BT39" s="95">
        <v>10</v>
      </c>
      <c r="BU39" s="83">
        <v>1240000</v>
      </c>
      <c r="BV39" s="96">
        <v>14306</v>
      </c>
      <c r="BW39" s="97">
        <v>348708217</v>
      </c>
      <c r="CA39" s="49" t="e">
        <v>#REF!</v>
      </c>
    </row>
    <row r="40" spans="1:79" s="9" customFormat="1" ht="12.95" customHeight="1" thickTop="1" thickBot="1" x14ac:dyDescent="0.2">
      <c r="A40" s="147" t="s">
        <v>90</v>
      </c>
      <c r="B40" s="148"/>
      <c r="C40" s="107">
        <v>423797</v>
      </c>
      <c r="D40" s="107">
        <v>6070570</v>
      </c>
      <c r="E40" s="107">
        <v>237999059932</v>
      </c>
      <c r="F40" s="108">
        <v>17946325</v>
      </c>
      <c r="G40" s="108">
        <v>28301425</v>
      </c>
      <c r="H40" s="109">
        <v>252859711624</v>
      </c>
      <c r="I40" s="110">
        <v>4193315</v>
      </c>
      <c r="J40" s="111">
        <v>7947272</v>
      </c>
      <c r="K40" s="111">
        <v>54830561098</v>
      </c>
      <c r="L40" s="112">
        <v>22563437</v>
      </c>
      <c r="M40" s="112">
        <v>42319267</v>
      </c>
      <c r="N40" s="113">
        <v>545689332654</v>
      </c>
      <c r="O40" s="147" t="s">
        <v>90</v>
      </c>
      <c r="P40" s="149"/>
      <c r="Q40" s="110">
        <v>12913021</v>
      </c>
      <c r="R40" s="111">
        <v>15854012</v>
      </c>
      <c r="S40" s="111">
        <v>150217541608</v>
      </c>
      <c r="T40" s="110">
        <v>400598</v>
      </c>
      <c r="U40" s="111">
        <v>15470364</v>
      </c>
      <c r="V40" s="111">
        <v>10282932341</v>
      </c>
      <c r="W40" s="110">
        <v>49619</v>
      </c>
      <c r="X40" s="111">
        <v>312002</v>
      </c>
      <c r="Y40" s="111">
        <v>3357150197</v>
      </c>
      <c r="Z40" s="114">
        <v>35526077</v>
      </c>
      <c r="AA40" s="113">
        <v>709546956800</v>
      </c>
      <c r="AB40" s="147" t="s">
        <v>90</v>
      </c>
      <c r="AC40" s="149"/>
      <c r="AD40" s="110">
        <v>4945</v>
      </c>
      <c r="AE40" s="111">
        <v>33181</v>
      </c>
      <c r="AF40" s="111">
        <v>574950106</v>
      </c>
      <c r="AG40" s="111">
        <v>16482</v>
      </c>
      <c r="AH40" s="111">
        <v>594352123</v>
      </c>
      <c r="AI40" s="111">
        <v>831512</v>
      </c>
      <c r="AJ40" s="111">
        <v>6432666386</v>
      </c>
      <c r="AK40" s="111">
        <v>63984</v>
      </c>
      <c r="AL40" s="111">
        <v>1940688390</v>
      </c>
      <c r="AM40" s="111">
        <v>42572</v>
      </c>
      <c r="AN40" s="111">
        <v>589554417</v>
      </c>
      <c r="AO40" s="111">
        <v>126</v>
      </c>
      <c r="AP40" s="111">
        <v>5159441</v>
      </c>
      <c r="AQ40" s="112">
        <v>987857</v>
      </c>
      <c r="AR40" s="112">
        <v>10137370863</v>
      </c>
      <c r="AS40" s="115">
        <v>1777</v>
      </c>
      <c r="AT40" s="116">
        <v>91290274</v>
      </c>
      <c r="AU40" s="147" t="s">
        <v>90</v>
      </c>
      <c r="AV40" s="148"/>
      <c r="AW40" s="110">
        <v>81</v>
      </c>
      <c r="AX40" s="111">
        <v>8054230</v>
      </c>
      <c r="AY40" s="115">
        <v>36518960</v>
      </c>
      <c r="AZ40" s="117">
        <v>719692381893</v>
      </c>
      <c r="BA40" s="118">
        <v>524745097829</v>
      </c>
      <c r="BB40" s="110">
        <v>167053057719</v>
      </c>
      <c r="BC40" s="111">
        <v>27894226345</v>
      </c>
      <c r="BD40" s="110">
        <v>1310869</v>
      </c>
      <c r="BE40" s="111">
        <v>69797393854</v>
      </c>
      <c r="BF40" s="111">
        <v>2208</v>
      </c>
      <c r="BG40" s="119">
        <v>51301903</v>
      </c>
      <c r="BH40" s="147" t="s">
        <v>90</v>
      </c>
      <c r="BI40" s="148"/>
      <c r="BJ40" s="110">
        <v>9031</v>
      </c>
      <c r="BK40" s="110">
        <v>3614932336</v>
      </c>
      <c r="BL40" s="110">
        <v>11988</v>
      </c>
      <c r="BM40" s="110">
        <v>599960000</v>
      </c>
      <c r="BN40" s="110">
        <v>0</v>
      </c>
      <c r="BO40" s="110">
        <v>0</v>
      </c>
      <c r="BP40" s="110">
        <v>0</v>
      </c>
      <c r="BQ40" s="110">
        <v>0</v>
      </c>
      <c r="BR40" s="110">
        <v>12</v>
      </c>
      <c r="BS40" s="110">
        <v>7500000</v>
      </c>
      <c r="BT40" s="120">
        <v>21031</v>
      </c>
      <c r="BU40" s="97">
        <v>4222392336</v>
      </c>
      <c r="BV40" s="121">
        <v>36539991</v>
      </c>
      <c r="BW40" s="122">
        <v>723914774229</v>
      </c>
      <c r="CA40" s="49" t="e">
        <v>#REF!</v>
      </c>
    </row>
    <row r="41" spans="1:79" s="9" customFormat="1" ht="12.95" customHeight="1" thickTop="1" x14ac:dyDescent="0.15">
      <c r="A41" s="31">
        <v>301</v>
      </c>
      <c r="B41" s="98" t="s">
        <v>92</v>
      </c>
      <c r="C41" s="99">
        <v>1155</v>
      </c>
      <c r="D41" s="99">
        <v>9611</v>
      </c>
      <c r="E41" s="99">
        <v>605607190</v>
      </c>
      <c r="F41" s="33">
        <v>76688</v>
      </c>
      <c r="G41" s="33">
        <v>107159</v>
      </c>
      <c r="H41" s="34">
        <v>954594310</v>
      </c>
      <c r="I41" s="35">
        <v>26837</v>
      </c>
      <c r="J41" s="36">
        <v>44977</v>
      </c>
      <c r="K41" s="36">
        <v>302016640</v>
      </c>
      <c r="L41" s="37">
        <v>104680</v>
      </c>
      <c r="M41" s="37">
        <v>161747</v>
      </c>
      <c r="N41" s="39">
        <v>1862218140</v>
      </c>
      <c r="O41" s="31">
        <v>301</v>
      </c>
      <c r="P41" s="98" t="s">
        <v>91</v>
      </c>
      <c r="Q41" s="35">
        <v>48247</v>
      </c>
      <c r="R41" s="36">
        <v>56897</v>
      </c>
      <c r="S41" s="36">
        <v>624283910</v>
      </c>
      <c r="T41" s="35">
        <v>1057</v>
      </c>
      <c r="U41" s="36">
        <v>21684</v>
      </c>
      <c r="V41" s="36">
        <v>14426606</v>
      </c>
      <c r="W41" s="35">
        <v>94</v>
      </c>
      <c r="X41" s="36">
        <v>443</v>
      </c>
      <c r="Y41" s="36">
        <v>4524440</v>
      </c>
      <c r="Z41" s="37">
        <v>153021</v>
      </c>
      <c r="AA41" s="39">
        <v>2505453096</v>
      </c>
      <c r="AB41" s="31">
        <v>301</v>
      </c>
      <c r="AC41" s="98" t="s">
        <v>91</v>
      </c>
      <c r="AD41" s="35">
        <v>0</v>
      </c>
      <c r="AE41" s="36">
        <v>59</v>
      </c>
      <c r="AF41" s="36">
        <v>1785310</v>
      </c>
      <c r="AG41" s="36">
        <v>75</v>
      </c>
      <c r="AH41" s="36">
        <v>2909740</v>
      </c>
      <c r="AI41" s="36">
        <v>3109</v>
      </c>
      <c r="AJ41" s="36">
        <v>18867410</v>
      </c>
      <c r="AK41" s="36">
        <v>28</v>
      </c>
      <c r="AL41" s="36">
        <v>679885</v>
      </c>
      <c r="AM41" s="36">
        <v>106</v>
      </c>
      <c r="AN41" s="36">
        <v>947350</v>
      </c>
      <c r="AO41" s="36">
        <v>0</v>
      </c>
      <c r="AP41" s="36">
        <v>0</v>
      </c>
      <c r="AQ41" s="37">
        <v>3377</v>
      </c>
      <c r="AR41" s="37">
        <v>25189695</v>
      </c>
      <c r="AS41" s="62">
        <v>0</v>
      </c>
      <c r="AT41" s="86">
        <v>0</v>
      </c>
      <c r="AU41" s="31">
        <v>301</v>
      </c>
      <c r="AV41" s="98" t="s">
        <v>91</v>
      </c>
      <c r="AW41" s="35">
        <v>0</v>
      </c>
      <c r="AX41" s="36">
        <v>0</v>
      </c>
      <c r="AY41" s="41">
        <v>156398</v>
      </c>
      <c r="AZ41" s="43">
        <v>2530642791</v>
      </c>
      <c r="BA41" s="44">
        <v>1777938345</v>
      </c>
      <c r="BB41" s="35">
        <v>696761991</v>
      </c>
      <c r="BC41" s="36">
        <v>55942455</v>
      </c>
      <c r="BD41" s="35">
        <v>1119</v>
      </c>
      <c r="BE41" s="36">
        <v>128085759</v>
      </c>
      <c r="BF41" s="36">
        <v>0</v>
      </c>
      <c r="BG41" s="45">
        <v>0</v>
      </c>
      <c r="BH41" s="31">
        <v>301</v>
      </c>
      <c r="BI41" s="98" t="s">
        <v>91</v>
      </c>
      <c r="BJ41" s="35">
        <v>84</v>
      </c>
      <c r="BK41" s="35">
        <v>34844000</v>
      </c>
      <c r="BL41" s="35">
        <v>19</v>
      </c>
      <c r="BM41" s="35">
        <v>3200000</v>
      </c>
      <c r="BN41" s="35">
        <v>39</v>
      </c>
      <c r="BO41" s="35">
        <v>869500</v>
      </c>
      <c r="BP41" s="35">
        <v>0</v>
      </c>
      <c r="BQ41" s="35">
        <v>0</v>
      </c>
      <c r="BR41" s="35">
        <v>0</v>
      </c>
      <c r="BS41" s="35">
        <v>0</v>
      </c>
      <c r="BT41" s="37">
        <v>142</v>
      </c>
      <c r="BU41" s="37">
        <v>38913500</v>
      </c>
      <c r="BV41" s="47">
        <v>156540</v>
      </c>
      <c r="BW41" s="48">
        <v>2569556291</v>
      </c>
      <c r="CA41" s="49" t="e">
        <v>#REF!</v>
      </c>
    </row>
    <row r="42" spans="1:79" s="9" customFormat="1" ht="12.95" customHeight="1" x14ac:dyDescent="0.15">
      <c r="A42" s="31">
        <v>302</v>
      </c>
      <c r="B42" s="100" t="s">
        <v>93</v>
      </c>
      <c r="C42" s="99">
        <v>1487</v>
      </c>
      <c r="D42" s="99">
        <v>13227</v>
      </c>
      <c r="E42" s="99">
        <v>706235391</v>
      </c>
      <c r="F42" s="33">
        <v>102527</v>
      </c>
      <c r="G42" s="33">
        <v>141556</v>
      </c>
      <c r="H42" s="34">
        <v>1155608756</v>
      </c>
      <c r="I42" s="35">
        <v>9847</v>
      </c>
      <c r="J42" s="36">
        <v>15366</v>
      </c>
      <c r="K42" s="36">
        <v>120681940</v>
      </c>
      <c r="L42" s="37">
        <v>113861</v>
      </c>
      <c r="M42" s="37">
        <v>170149</v>
      </c>
      <c r="N42" s="39">
        <v>1982526087</v>
      </c>
      <c r="O42" s="31">
        <v>302</v>
      </c>
      <c r="P42" s="100" t="s">
        <v>93</v>
      </c>
      <c r="Q42" s="35">
        <v>64953</v>
      </c>
      <c r="R42" s="36">
        <v>75578</v>
      </c>
      <c r="S42" s="36">
        <v>598321068</v>
      </c>
      <c r="T42" s="35">
        <v>1342</v>
      </c>
      <c r="U42" s="36">
        <v>30486</v>
      </c>
      <c r="V42" s="36">
        <v>19853861</v>
      </c>
      <c r="W42" s="35">
        <v>102</v>
      </c>
      <c r="X42" s="36">
        <v>576</v>
      </c>
      <c r="Y42" s="36">
        <v>6698520</v>
      </c>
      <c r="Z42" s="37">
        <v>178916</v>
      </c>
      <c r="AA42" s="39">
        <v>2607399536</v>
      </c>
      <c r="AB42" s="31">
        <v>302</v>
      </c>
      <c r="AC42" s="100" t="s">
        <v>93</v>
      </c>
      <c r="AD42" s="35">
        <v>0</v>
      </c>
      <c r="AE42" s="36">
        <v>147</v>
      </c>
      <c r="AF42" s="36">
        <v>1663677</v>
      </c>
      <c r="AG42" s="36">
        <v>84</v>
      </c>
      <c r="AH42" s="36">
        <v>2924519</v>
      </c>
      <c r="AI42" s="36">
        <v>7051</v>
      </c>
      <c r="AJ42" s="36">
        <v>42028856</v>
      </c>
      <c r="AK42" s="36">
        <v>18</v>
      </c>
      <c r="AL42" s="36">
        <v>859725</v>
      </c>
      <c r="AM42" s="36">
        <v>60</v>
      </c>
      <c r="AN42" s="36">
        <v>362160</v>
      </c>
      <c r="AO42" s="36">
        <v>2</v>
      </c>
      <c r="AP42" s="36">
        <v>4800</v>
      </c>
      <c r="AQ42" s="37">
        <v>7362</v>
      </c>
      <c r="AR42" s="37">
        <v>47843737</v>
      </c>
      <c r="AS42" s="51">
        <v>1</v>
      </c>
      <c r="AT42" s="52">
        <v>88647</v>
      </c>
      <c r="AU42" s="31">
        <v>302</v>
      </c>
      <c r="AV42" s="100" t="s">
        <v>93</v>
      </c>
      <c r="AW42" s="35">
        <v>0</v>
      </c>
      <c r="AX42" s="36">
        <v>0</v>
      </c>
      <c r="AY42" s="41">
        <v>186278</v>
      </c>
      <c r="AZ42" s="43">
        <v>2655243273</v>
      </c>
      <c r="BA42" s="44">
        <v>1875891540</v>
      </c>
      <c r="BB42" s="35">
        <v>717085014</v>
      </c>
      <c r="BC42" s="36">
        <v>62266719</v>
      </c>
      <c r="BD42" s="35">
        <v>1504</v>
      </c>
      <c r="BE42" s="36">
        <v>148578813</v>
      </c>
      <c r="BF42" s="36">
        <v>1</v>
      </c>
      <c r="BG42" s="45">
        <v>101513</v>
      </c>
      <c r="BH42" s="31">
        <v>302</v>
      </c>
      <c r="BI42" s="100" t="s">
        <v>93</v>
      </c>
      <c r="BJ42" s="35">
        <v>177</v>
      </c>
      <c r="BK42" s="35">
        <v>72628000</v>
      </c>
      <c r="BL42" s="35">
        <v>29</v>
      </c>
      <c r="BM42" s="35">
        <v>4450000</v>
      </c>
      <c r="BN42" s="35">
        <v>778</v>
      </c>
      <c r="BO42" s="35">
        <v>25057000</v>
      </c>
      <c r="BP42" s="35">
        <v>0</v>
      </c>
      <c r="BQ42" s="35">
        <v>0</v>
      </c>
      <c r="BR42" s="35">
        <v>201</v>
      </c>
      <c r="BS42" s="35">
        <v>13842600</v>
      </c>
      <c r="BT42" s="37">
        <v>1185</v>
      </c>
      <c r="BU42" s="37">
        <v>115977600</v>
      </c>
      <c r="BV42" s="47">
        <v>187463</v>
      </c>
      <c r="BW42" s="48">
        <v>2771220873</v>
      </c>
      <c r="CA42" s="49" t="e">
        <v>#REF!</v>
      </c>
    </row>
    <row r="43" spans="1:79" s="9" customFormat="1" ht="12.95" customHeight="1" x14ac:dyDescent="0.15">
      <c r="A43" s="31">
        <v>303</v>
      </c>
      <c r="B43" s="100" t="s">
        <v>94</v>
      </c>
      <c r="C43" s="99">
        <v>2315</v>
      </c>
      <c r="D43" s="99">
        <v>23140</v>
      </c>
      <c r="E43" s="99">
        <v>1342730936</v>
      </c>
      <c r="F43" s="33">
        <v>131398</v>
      </c>
      <c r="G43" s="33">
        <v>194776</v>
      </c>
      <c r="H43" s="34">
        <v>1638725225</v>
      </c>
      <c r="I43" s="35">
        <v>35752</v>
      </c>
      <c r="J43" s="36">
        <v>67358</v>
      </c>
      <c r="K43" s="36">
        <v>474789720</v>
      </c>
      <c r="L43" s="37">
        <v>169465</v>
      </c>
      <c r="M43" s="37">
        <v>285274</v>
      </c>
      <c r="N43" s="39">
        <v>3456245881</v>
      </c>
      <c r="O43" s="31">
        <v>303</v>
      </c>
      <c r="P43" s="100" t="s">
        <v>94</v>
      </c>
      <c r="Q43" s="35">
        <v>92394</v>
      </c>
      <c r="R43" s="36">
        <v>110934</v>
      </c>
      <c r="S43" s="36">
        <v>973909721</v>
      </c>
      <c r="T43" s="35">
        <v>2149</v>
      </c>
      <c r="U43" s="36">
        <v>53105</v>
      </c>
      <c r="V43" s="36">
        <v>35887373</v>
      </c>
      <c r="W43" s="35">
        <v>214</v>
      </c>
      <c r="X43" s="36">
        <v>1036</v>
      </c>
      <c r="Y43" s="36">
        <v>11547940</v>
      </c>
      <c r="Z43" s="37">
        <v>262073</v>
      </c>
      <c r="AA43" s="39">
        <v>4477590915</v>
      </c>
      <c r="AB43" s="31">
        <v>303</v>
      </c>
      <c r="AC43" s="100" t="s">
        <v>94</v>
      </c>
      <c r="AD43" s="35">
        <v>0</v>
      </c>
      <c r="AE43" s="36">
        <v>75</v>
      </c>
      <c r="AF43" s="36">
        <v>603690</v>
      </c>
      <c r="AG43" s="36">
        <v>112</v>
      </c>
      <c r="AH43" s="36">
        <v>4978064</v>
      </c>
      <c r="AI43" s="36">
        <v>11682</v>
      </c>
      <c r="AJ43" s="36">
        <v>83251366</v>
      </c>
      <c r="AK43" s="36">
        <v>320</v>
      </c>
      <c r="AL43" s="36">
        <v>7983715</v>
      </c>
      <c r="AM43" s="36">
        <v>366</v>
      </c>
      <c r="AN43" s="36">
        <v>4949690</v>
      </c>
      <c r="AO43" s="36">
        <v>0</v>
      </c>
      <c r="AP43" s="36">
        <v>0</v>
      </c>
      <c r="AQ43" s="37">
        <v>12555</v>
      </c>
      <c r="AR43" s="37">
        <v>101766525</v>
      </c>
      <c r="AS43" s="51">
        <v>0</v>
      </c>
      <c r="AT43" s="52">
        <v>0</v>
      </c>
      <c r="AU43" s="31">
        <v>303</v>
      </c>
      <c r="AV43" s="100" t="s">
        <v>94</v>
      </c>
      <c r="AW43" s="35">
        <v>1</v>
      </c>
      <c r="AX43" s="36">
        <v>49521</v>
      </c>
      <c r="AY43" s="41">
        <v>274629</v>
      </c>
      <c r="AZ43" s="43">
        <v>4579406961</v>
      </c>
      <c r="BA43" s="44">
        <v>3286806303</v>
      </c>
      <c r="BB43" s="35">
        <v>1167148692</v>
      </c>
      <c r="BC43" s="36">
        <v>125451966</v>
      </c>
      <c r="BD43" s="35">
        <v>4402</v>
      </c>
      <c r="BE43" s="36">
        <v>352280916</v>
      </c>
      <c r="BF43" s="36">
        <v>0</v>
      </c>
      <c r="BG43" s="45">
        <v>0</v>
      </c>
      <c r="BH43" s="31">
        <v>303</v>
      </c>
      <c r="BI43" s="100" t="s">
        <v>94</v>
      </c>
      <c r="BJ43" s="35">
        <v>123</v>
      </c>
      <c r="BK43" s="35">
        <v>51660000</v>
      </c>
      <c r="BL43" s="35">
        <v>60</v>
      </c>
      <c r="BM43" s="35">
        <v>10140000</v>
      </c>
      <c r="BN43" s="35">
        <v>8</v>
      </c>
      <c r="BO43" s="35">
        <v>240000</v>
      </c>
      <c r="BP43" s="35">
        <v>0</v>
      </c>
      <c r="BQ43" s="35">
        <v>0</v>
      </c>
      <c r="BR43" s="35">
        <v>0</v>
      </c>
      <c r="BS43" s="35">
        <v>0</v>
      </c>
      <c r="BT43" s="37">
        <v>191</v>
      </c>
      <c r="BU43" s="37">
        <v>62040000</v>
      </c>
      <c r="BV43" s="47">
        <v>274820</v>
      </c>
      <c r="BW43" s="48">
        <v>4641446961</v>
      </c>
      <c r="CA43" s="49" t="e">
        <v>#REF!</v>
      </c>
    </row>
    <row r="44" spans="1:79" s="9" customFormat="1" ht="12.95" customHeight="1" x14ac:dyDescent="0.15">
      <c r="A44" s="31">
        <v>304</v>
      </c>
      <c r="B44" s="100" t="s">
        <v>96</v>
      </c>
      <c r="C44" s="99">
        <v>367</v>
      </c>
      <c r="D44" s="99">
        <v>3241</v>
      </c>
      <c r="E44" s="99">
        <v>177537290</v>
      </c>
      <c r="F44" s="33">
        <v>31643</v>
      </c>
      <c r="G44" s="33">
        <v>44404</v>
      </c>
      <c r="H44" s="34">
        <v>309540850</v>
      </c>
      <c r="I44" s="35">
        <v>7906</v>
      </c>
      <c r="J44" s="36">
        <v>13455</v>
      </c>
      <c r="K44" s="36">
        <v>89220940</v>
      </c>
      <c r="L44" s="37">
        <v>39916</v>
      </c>
      <c r="M44" s="37">
        <v>61100</v>
      </c>
      <c r="N44" s="39">
        <v>576299080</v>
      </c>
      <c r="O44" s="31">
        <v>304</v>
      </c>
      <c r="P44" s="100" t="s">
        <v>95</v>
      </c>
      <c r="Q44" s="35">
        <v>23439</v>
      </c>
      <c r="R44" s="36">
        <v>28288</v>
      </c>
      <c r="S44" s="36">
        <v>223545250</v>
      </c>
      <c r="T44" s="35">
        <v>312</v>
      </c>
      <c r="U44" s="36">
        <v>7171</v>
      </c>
      <c r="V44" s="36">
        <v>4701507</v>
      </c>
      <c r="W44" s="35">
        <v>34</v>
      </c>
      <c r="X44" s="36">
        <v>176</v>
      </c>
      <c r="Y44" s="36">
        <v>2023310</v>
      </c>
      <c r="Z44" s="37">
        <v>63389</v>
      </c>
      <c r="AA44" s="39">
        <v>806569147</v>
      </c>
      <c r="AB44" s="31">
        <v>304</v>
      </c>
      <c r="AC44" s="100" t="s">
        <v>95</v>
      </c>
      <c r="AD44" s="35">
        <v>0</v>
      </c>
      <c r="AE44" s="36">
        <v>44</v>
      </c>
      <c r="AF44" s="36">
        <v>408250</v>
      </c>
      <c r="AG44" s="36">
        <v>24</v>
      </c>
      <c r="AH44" s="36">
        <v>621821</v>
      </c>
      <c r="AI44" s="36">
        <v>1426</v>
      </c>
      <c r="AJ44" s="36">
        <v>9253106</v>
      </c>
      <c r="AK44" s="36">
        <v>56</v>
      </c>
      <c r="AL44" s="36">
        <v>1508110</v>
      </c>
      <c r="AM44" s="36">
        <v>57</v>
      </c>
      <c r="AN44" s="36">
        <v>335930</v>
      </c>
      <c r="AO44" s="36">
        <v>0</v>
      </c>
      <c r="AP44" s="36">
        <v>0</v>
      </c>
      <c r="AQ44" s="37">
        <v>1607</v>
      </c>
      <c r="AR44" s="37">
        <v>12127217</v>
      </c>
      <c r="AS44" s="51">
        <v>0</v>
      </c>
      <c r="AT44" s="52">
        <v>0</v>
      </c>
      <c r="AU44" s="31">
        <v>304</v>
      </c>
      <c r="AV44" s="100" t="s">
        <v>96</v>
      </c>
      <c r="AW44" s="35">
        <v>0</v>
      </c>
      <c r="AX44" s="36">
        <v>0</v>
      </c>
      <c r="AY44" s="41">
        <v>64996</v>
      </c>
      <c r="AZ44" s="43">
        <v>818696364</v>
      </c>
      <c r="BA44" s="44">
        <v>581399139</v>
      </c>
      <c r="BB44" s="35">
        <v>213801443</v>
      </c>
      <c r="BC44" s="36">
        <v>23495782</v>
      </c>
      <c r="BD44" s="35">
        <v>381</v>
      </c>
      <c r="BE44" s="36">
        <v>35729096</v>
      </c>
      <c r="BF44" s="36">
        <v>0</v>
      </c>
      <c r="BG44" s="45">
        <v>0</v>
      </c>
      <c r="BH44" s="31">
        <v>304</v>
      </c>
      <c r="BI44" s="100" t="s">
        <v>95</v>
      </c>
      <c r="BJ44" s="35">
        <v>54</v>
      </c>
      <c r="BK44" s="35">
        <v>22680000</v>
      </c>
      <c r="BL44" s="35">
        <v>6</v>
      </c>
      <c r="BM44" s="35">
        <v>540000</v>
      </c>
      <c r="BN44" s="35">
        <v>0</v>
      </c>
      <c r="BO44" s="35">
        <v>0</v>
      </c>
      <c r="BP44" s="35">
        <v>0</v>
      </c>
      <c r="BQ44" s="35">
        <v>0</v>
      </c>
      <c r="BR44" s="35">
        <v>0</v>
      </c>
      <c r="BS44" s="35">
        <v>0</v>
      </c>
      <c r="BT44" s="37">
        <v>60</v>
      </c>
      <c r="BU44" s="37">
        <v>23220000</v>
      </c>
      <c r="BV44" s="47">
        <v>65056</v>
      </c>
      <c r="BW44" s="48">
        <v>841916364</v>
      </c>
      <c r="CA44" s="49" t="e">
        <v>#REF!</v>
      </c>
    </row>
    <row r="45" spans="1:79" s="9" customFormat="1" ht="12.95" customHeight="1" x14ac:dyDescent="0.15">
      <c r="A45" s="31">
        <v>305</v>
      </c>
      <c r="B45" s="100" t="s">
        <v>98</v>
      </c>
      <c r="C45" s="99">
        <v>896</v>
      </c>
      <c r="D45" s="99">
        <v>9272</v>
      </c>
      <c r="E45" s="99">
        <v>458969460</v>
      </c>
      <c r="F45" s="33">
        <v>56393</v>
      </c>
      <c r="G45" s="33">
        <v>81226</v>
      </c>
      <c r="H45" s="34">
        <v>636830418</v>
      </c>
      <c r="I45" s="35">
        <v>14094</v>
      </c>
      <c r="J45" s="36">
        <v>26266</v>
      </c>
      <c r="K45" s="36">
        <v>183820990</v>
      </c>
      <c r="L45" s="37">
        <v>71383</v>
      </c>
      <c r="M45" s="37">
        <v>116764</v>
      </c>
      <c r="N45" s="39">
        <v>1279620868</v>
      </c>
      <c r="O45" s="31">
        <v>305</v>
      </c>
      <c r="P45" s="100" t="s">
        <v>98</v>
      </c>
      <c r="Q45" s="35">
        <v>40333</v>
      </c>
      <c r="R45" s="36">
        <v>48490</v>
      </c>
      <c r="S45" s="36">
        <v>381460042</v>
      </c>
      <c r="T45" s="35">
        <v>803</v>
      </c>
      <c r="U45" s="36">
        <v>21331</v>
      </c>
      <c r="V45" s="36">
        <v>13999276</v>
      </c>
      <c r="W45" s="35">
        <v>73</v>
      </c>
      <c r="X45" s="36">
        <v>292</v>
      </c>
      <c r="Y45" s="36">
        <v>3514770</v>
      </c>
      <c r="Z45" s="37">
        <v>111789</v>
      </c>
      <c r="AA45" s="39">
        <v>1678594956</v>
      </c>
      <c r="AB45" s="31">
        <v>305</v>
      </c>
      <c r="AC45" s="100" t="s">
        <v>98</v>
      </c>
      <c r="AD45" s="35">
        <v>0</v>
      </c>
      <c r="AE45" s="36">
        <v>70</v>
      </c>
      <c r="AF45" s="36">
        <v>654827</v>
      </c>
      <c r="AG45" s="36">
        <v>53</v>
      </c>
      <c r="AH45" s="36">
        <v>1758676</v>
      </c>
      <c r="AI45" s="36">
        <v>3651</v>
      </c>
      <c r="AJ45" s="36">
        <v>25765116</v>
      </c>
      <c r="AK45" s="36">
        <v>8</v>
      </c>
      <c r="AL45" s="36">
        <v>312200</v>
      </c>
      <c r="AM45" s="36">
        <v>31</v>
      </c>
      <c r="AN45" s="36">
        <v>375660</v>
      </c>
      <c r="AO45" s="36">
        <v>0</v>
      </c>
      <c r="AP45" s="36">
        <v>0</v>
      </c>
      <c r="AQ45" s="37">
        <v>3813</v>
      </c>
      <c r="AR45" s="37">
        <v>28866479</v>
      </c>
      <c r="AS45" s="51">
        <v>0</v>
      </c>
      <c r="AT45" s="52">
        <v>0</v>
      </c>
      <c r="AU45" s="31">
        <v>305</v>
      </c>
      <c r="AV45" s="100" t="s">
        <v>97</v>
      </c>
      <c r="AW45" s="35">
        <v>0</v>
      </c>
      <c r="AX45" s="36">
        <v>0</v>
      </c>
      <c r="AY45" s="41">
        <v>115602</v>
      </c>
      <c r="AZ45" s="43">
        <v>1707461435</v>
      </c>
      <c r="BA45" s="44">
        <v>1215181746</v>
      </c>
      <c r="BB45" s="35">
        <v>425772544</v>
      </c>
      <c r="BC45" s="36">
        <v>66507145</v>
      </c>
      <c r="BD45" s="35">
        <v>1097</v>
      </c>
      <c r="BE45" s="36">
        <v>112053729</v>
      </c>
      <c r="BF45" s="36">
        <v>0</v>
      </c>
      <c r="BG45" s="45">
        <v>0</v>
      </c>
      <c r="BH45" s="31">
        <v>305</v>
      </c>
      <c r="BI45" s="100" t="s">
        <v>97</v>
      </c>
      <c r="BJ45" s="35">
        <v>72</v>
      </c>
      <c r="BK45" s="35">
        <v>28514046</v>
      </c>
      <c r="BL45" s="35">
        <v>18</v>
      </c>
      <c r="BM45" s="35">
        <v>1550000</v>
      </c>
      <c r="BN45" s="35">
        <v>277</v>
      </c>
      <c r="BO45" s="35">
        <v>10692000</v>
      </c>
      <c r="BP45" s="35">
        <v>3</v>
      </c>
      <c r="BQ45" s="35">
        <v>750000</v>
      </c>
      <c r="BR45" s="35">
        <v>1130</v>
      </c>
      <c r="BS45" s="35">
        <v>34041015</v>
      </c>
      <c r="BT45" s="37">
        <v>1500</v>
      </c>
      <c r="BU45" s="37">
        <v>75547061</v>
      </c>
      <c r="BV45" s="47">
        <v>117102</v>
      </c>
      <c r="BW45" s="48">
        <v>1783008496</v>
      </c>
      <c r="CA45" s="49" t="e">
        <v>#REF!</v>
      </c>
    </row>
    <row r="46" spans="1:79" s="9" customFormat="1" ht="12.95" customHeight="1" thickBot="1" x14ac:dyDescent="0.2">
      <c r="A46" s="67">
        <v>306</v>
      </c>
      <c r="B46" s="101" t="s">
        <v>100</v>
      </c>
      <c r="C46" s="99">
        <v>9507</v>
      </c>
      <c r="D46" s="99">
        <v>93883</v>
      </c>
      <c r="E46" s="99">
        <v>5036535216</v>
      </c>
      <c r="F46" s="33">
        <v>500705</v>
      </c>
      <c r="G46" s="33">
        <v>737968</v>
      </c>
      <c r="H46" s="34">
        <v>5865252587</v>
      </c>
      <c r="I46" s="35">
        <v>124408</v>
      </c>
      <c r="J46" s="36">
        <v>232726</v>
      </c>
      <c r="K46" s="36">
        <v>1629853136</v>
      </c>
      <c r="L46" s="37">
        <v>634620</v>
      </c>
      <c r="M46" s="60">
        <v>1064577</v>
      </c>
      <c r="N46" s="61">
        <v>12531640939</v>
      </c>
      <c r="O46" s="67">
        <v>306</v>
      </c>
      <c r="P46" s="101" t="s">
        <v>99</v>
      </c>
      <c r="Q46" s="35">
        <v>354038</v>
      </c>
      <c r="R46" s="36">
        <v>431487</v>
      </c>
      <c r="S46" s="36">
        <v>3438984843</v>
      </c>
      <c r="T46" s="35">
        <v>8588</v>
      </c>
      <c r="U46" s="36">
        <v>215422</v>
      </c>
      <c r="V46" s="36">
        <v>143171334</v>
      </c>
      <c r="W46" s="35">
        <v>538</v>
      </c>
      <c r="X46" s="36">
        <v>3156</v>
      </c>
      <c r="Y46" s="36">
        <v>35977650</v>
      </c>
      <c r="Z46" s="76">
        <v>989196</v>
      </c>
      <c r="AA46" s="61">
        <v>16149774766</v>
      </c>
      <c r="AB46" s="67">
        <v>306</v>
      </c>
      <c r="AC46" s="101" t="s">
        <v>99</v>
      </c>
      <c r="AD46" s="58">
        <v>113</v>
      </c>
      <c r="AE46" s="59">
        <v>484</v>
      </c>
      <c r="AF46" s="59">
        <v>6119082</v>
      </c>
      <c r="AG46" s="59">
        <v>505</v>
      </c>
      <c r="AH46" s="59">
        <v>20237471</v>
      </c>
      <c r="AI46" s="59">
        <v>32397</v>
      </c>
      <c r="AJ46" s="59">
        <v>225063567</v>
      </c>
      <c r="AK46" s="59">
        <v>687</v>
      </c>
      <c r="AL46" s="59">
        <v>23248270</v>
      </c>
      <c r="AM46" s="59">
        <v>730</v>
      </c>
      <c r="AN46" s="59">
        <v>9046020</v>
      </c>
      <c r="AO46" s="59">
        <v>0</v>
      </c>
      <c r="AP46" s="59">
        <v>0</v>
      </c>
      <c r="AQ46" s="60">
        <v>34803</v>
      </c>
      <c r="AR46" s="60">
        <v>283714410</v>
      </c>
      <c r="AS46" s="62">
        <v>3</v>
      </c>
      <c r="AT46" s="78">
        <v>472844</v>
      </c>
      <c r="AU46" s="67">
        <v>306</v>
      </c>
      <c r="AV46" s="101" t="s">
        <v>99</v>
      </c>
      <c r="AW46" s="58">
        <v>0</v>
      </c>
      <c r="AX46" s="59">
        <v>0</v>
      </c>
      <c r="AY46" s="62">
        <v>1024112</v>
      </c>
      <c r="AZ46" s="80">
        <v>16433489176</v>
      </c>
      <c r="BA46" s="63">
        <v>11827601415</v>
      </c>
      <c r="BB46" s="58">
        <v>3921419437</v>
      </c>
      <c r="BC46" s="59">
        <v>684468324</v>
      </c>
      <c r="BD46" s="58">
        <v>16459</v>
      </c>
      <c r="BE46" s="59">
        <v>1318320606</v>
      </c>
      <c r="BF46" s="59">
        <v>1</v>
      </c>
      <c r="BG46" s="64">
        <v>3163</v>
      </c>
      <c r="BH46" s="67">
        <v>306</v>
      </c>
      <c r="BI46" s="101" t="s">
        <v>99</v>
      </c>
      <c r="BJ46" s="58">
        <v>857</v>
      </c>
      <c r="BK46" s="58">
        <v>358607137</v>
      </c>
      <c r="BL46" s="58">
        <v>175</v>
      </c>
      <c r="BM46" s="58">
        <v>11840000</v>
      </c>
      <c r="BN46" s="58">
        <v>2712</v>
      </c>
      <c r="BO46" s="58">
        <v>252472800</v>
      </c>
      <c r="BP46" s="58">
        <v>15</v>
      </c>
      <c r="BQ46" s="58">
        <v>2646900</v>
      </c>
      <c r="BR46" s="58">
        <v>10516</v>
      </c>
      <c r="BS46" s="58">
        <v>294741859</v>
      </c>
      <c r="BT46" s="76">
        <v>14275</v>
      </c>
      <c r="BU46" s="83">
        <v>920308696</v>
      </c>
      <c r="BV46" s="47">
        <v>1038387</v>
      </c>
      <c r="BW46" s="48">
        <v>17353797872</v>
      </c>
      <c r="CA46" s="49" t="e">
        <v>#REF!</v>
      </c>
    </row>
    <row r="47" spans="1:79" s="9" customFormat="1" ht="12.95" customHeight="1" thickTop="1" thickBot="1" x14ac:dyDescent="0.2">
      <c r="A47" s="147" t="s">
        <v>101</v>
      </c>
      <c r="B47" s="148"/>
      <c r="C47" s="107">
        <v>15727</v>
      </c>
      <c r="D47" s="107">
        <v>152374</v>
      </c>
      <c r="E47" s="107">
        <v>8327615483</v>
      </c>
      <c r="F47" s="108">
        <v>899354</v>
      </c>
      <c r="G47" s="108">
        <v>1307089</v>
      </c>
      <c r="H47" s="109">
        <v>10560552146</v>
      </c>
      <c r="I47" s="110">
        <v>218844</v>
      </c>
      <c r="J47" s="111">
        <v>400148</v>
      </c>
      <c r="K47" s="111">
        <v>2800383366</v>
      </c>
      <c r="L47" s="112">
        <v>1133925</v>
      </c>
      <c r="M47" s="112">
        <v>1859611</v>
      </c>
      <c r="N47" s="113">
        <v>21688550995</v>
      </c>
      <c r="O47" s="147" t="s">
        <v>102</v>
      </c>
      <c r="P47" s="149"/>
      <c r="Q47" s="110">
        <v>623404</v>
      </c>
      <c r="R47" s="111">
        <v>751674</v>
      </c>
      <c r="S47" s="111">
        <v>6240504834</v>
      </c>
      <c r="T47" s="110">
        <v>14251</v>
      </c>
      <c r="U47" s="111">
        <v>349199</v>
      </c>
      <c r="V47" s="111">
        <v>232039957</v>
      </c>
      <c r="W47" s="110">
        <v>1055</v>
      </c>
      <c r="X47" s="111">
        <v>5679</v>
      </c>
      <c r="Y47" s="111">
        <v>64286630</v>
      </c>
      <c r="Z47" s="114">
        <v>1758384</v>
      </c>
      <c r="AA47" s="113">
        <v>28225382416</v>
      </c>
      <c r="AB47" s="147" t="s">
        <v>101</v>
      </c>
      <c r="AC47" s="149"/>
      <c r="AD47" s="110">
        <v>113</v>
      </c>
      <c r="AE47" s="111">
        <v>879</v>
      </c>
      <c r="AF47" s="111">
        <v>11234836</v>
      </c>
      <c r="AG47" s="111">
        <v>853</v>
      </c>
      <c r="AH47" s="111">
        <v>33430291</v>
      </c>
      <c r="AI47" s="111">
        <v>59316</v>
      </c>
      <c r="AJ47" s="111">
        <v>404229421</v>
      </c>
      <c r="AK47" s="111">
        <v>1117</v>
      </c>
      <c r="AL47" s="111">
        <v>34591905</v>
      </c>
      <c r="AM47" s="111">
        <v>1350</v>
      </c>
      <c r="AN47" s="111">
        <v>16016810</v>
      </c>
      <c r="AO47" s="111">
        <v>2</v>
      </c>
      <c r="AP47" s="111">
        <v>4800</v>
      </c>
      <c r="AQ47" s="112">
        <v>63517</v>
      </c>
      <c r="AR47" s="112">
        <v>499508063</v>
      </c>
      <c r="AS47" s="115">
        <v>4</v>
      </c>
      <c r="AT47" s="116">
        <v>561491</v>
      </c>
      <c r="AU47" s="147" t="s">
        <v>101</v>
      </c>
      <c r="AV47" s="148"/>
      <c r="AW47" s="110">
        <v>1</v>
      </c>
      <c r="AX47" s="111">
        <v>49521</v>
      </c>
      <c r="AY47" s="115">
        <v>1822015</v>
      </c>
      <c r="AZ47" s="123">
        <v>28724940000</v>
      </c>
      <c r="BA47" s="118">
        <v>20564818488</v>
      </c>
      <c r="BB47" s="110">
        <v>7141989121</v>
      </c>
      <c r="BC47" s="111">
        <v>1018132391</v>
      </c>
      <c r="BD47" s="110">
        <v>24962</v>
      </c>
      <c r="BE47" s="111">
        <v>2095048919</v>
      </c>
      <c r="BF47" s="111">
        <v>2</v>
      </c>
      <c r="BG47" s="119">
        <v>104676</v>
      </c>
      <c r="BH47" s="147" t="s">
        <v>101</v>
      </c>
      <c r="BI47" s="148"/>
      <c r="BJ47" s="110">
        <v>1367</v>
      </c>
      <c r="BK47" s="110">
        <v>568933183</v>
      </c>
      <c r="BL47" s="110">
        <v>307</v>
      </c>
      <c r="BM47" s="110">
        <v>31720000</v>
      </c>
      <c r="BN47" s="110">
        <v>3814</v>
      </c>
      <c r="BO47" s="110">
        <v>289331300</v>
      </c>
      <c r="BP47" s="110">
        <v>18</v>
      </c>
      <c r="BQ47" s="110">
        <v>3396900</v>
      </c>
      <c r="BR47" s="110">
        <v>11847</v>
      </c>
      <c r="BS47" s="110">
        <v>342625474</v>
      </c>
      <c r="BT47" s="120">
        <v>17353</v>
      </c>
      <c r="BU47" s="97">
        <v>1236006857</v>
      </c>
      <c r="BV47" s="124">
        <v>1839368</v>
      </c>
      <c r="BW47" s="125">
        <v>29960946857</v>
      </c>
      <c r="CA47" s="49" t="e">
        <v>#REF!</v>
      </c>
    </row>
    <row r="48" spans="1:79" s="9" customFormat="1" ht="12.95" customHeight="1" thickTop="1" thickBot="1" x14ac:dyDescent="0.2">
      <c r="A48" s="144" t="s">
        <v>103</v>
      </c>
      <c r="B48" s="145"/>
      <c r="C48" s="126">
        <v>439524</v>
      </c>
      <c r="D48" s="126">
        <v>6222944</v>
      </c>
      <c r="E48" s="126">
        <v>246326675415</v>
      </c>
      <c r="F48" s="127">
        <v>18845679</v>
      </c>
      <c r="G48" s="127">
        <v>29608514</v>
      </c>
      <c r="H48" s="128">
        <v>263420263770</v>
      </c>
      <c r="I48" s="129">
        <v>4412159</v>
      </c>
      <c r="J48" s="130">
        <v>8347420</v>
      </c>
      <c r="K48" s="130">
        <v>57630944464</v>
      </c>
      <c r="L48" s="131">
        <v>23697362</v>
      </c>
      <c r="M48" s="131">
        <v>44178878</v>
      </c>
      <c r="N48" s="248">
        <v>567377883649</v>
      </c>
      <c r="O48" s="144" t="s">
        <v>103</v>
      </c>
      <c r="P48" s="146"/>
      <c r="Q48" s="129">
        <v>13536425</v>
      </c>
      <c r="R48" s="130">
        <v>16605686</v>
      </c>
      <c r="S48" s="130">
        <v>156458046442</v>
      </c>
      <c r="T48" s="129">
        <v>414849</v>
      </c>
      <c r="U48" s="130">
        <v>15819563</v>
      </c>
      <c r="V48" s="130">
        <v>10514972298</v>
      </c>
      <c r="W48" s="129">
        <v>50674</v>
      </c>
      <c r="X48" s="130">
        <v>317681</v>
      </c>
      <c r="Y48" s="130">
        <v>3421436827</v>
      </c>
      <c r="Z48" s="143">
        <v>37284461</v>
      </c>
      <c r="AA48" s="132">
        <v>737772339216</v>
      </c>
      <c r="AB48" s="144" t="s">
        <v>104</v>
      </c>
      <c r="AC48" s="146"/>
      <c r="AD48" s="129">
        <v>5058</v>
      </c>
      <c r="AE48" s="130">
        <v>34060</v>
      </c>
      <c r="AF48" s="130">
        <v>586184942</v>
      </c>
      <c r="AG48" s="130">
        <v>17335</v>
      </c>
      <c r="AH48" s="130">
        <v>627782414</v>
      </c>
      <c r="AI48" s="130">
        <v>890828</v>
      </c>
      <c r="AJ48" s="130">
        <v>6836895807</v>
      </c>
      <c r="AK48" s="130">
        <v>65101</v>
      </c>
      <c r="AL48" s="130">
        <v>1975280295</v>
      </c>
      <c r="AM48" s="130">
        <v>43922</v>
      </c>
      <c r="AN48" s="130">
        <v>605571227</v>
      </c>
      <c r="AO48" s="130">
        <v>128</v>
      </c>
      <c r="AP48" s="130">
        <v>5164241</v>
      </c>
      <c r="AQ48" s="131">
        <v>1051374</v>
      </c>
      <c r="AR48" s="131">
        <v>10636878926</v>
      </c>
      <c r="AS48" s="133">
        <v>1781</v>
      </c>
      <c r="AT48" s="134">
        <v>91851765</v>
      </c>
      <c r="AU48" s="144" t="s">
        <v>103</v>
      </c>
      <c r="AV48" s="145"/>
      <c r="AW48" s="129">
        <v>82</v>
      </c>
      <c r="AX48" s="130">
        <v>8103751</v>
      </c>
      <c r="AY48" s="133">
        <v>38340975</v>
      </c>
      <c r="AZ48" s="135">
        <v>748417321893</v>
      </c>
      <c r="BA48" s="136">
        <v>545309916317</v>
      </c>
      <c r="BB48" s="129">
        <v>174195046840</v>
      </c>
      <c r="BC48" s="130">
        <v>28912358736</v>
      </c>
      <c r="BD48" s="129">
        <v>1335831</v>
      </c>
      <c r="BE48" s="130">
        <v>71892442773</v>
      </c>
      <c r="BF48" s="130">
        <v>2210</v>
      </c>
      <c r="BG48" s="137">
        <v>51406579</v>
      </c>
      <c r="BH48" s="144" t="s">
        <v>104</v>
      </c>
      <c r="BI48" s="145"/>
      <c r="BJ48" s="129">
        <v>10398</v>
      </c>
      <c r="BK48" s="129">
        <v>4183865519</v>
      </c>
      <c r="BL48" s="129">
        <v>12295</v>
      </c>
      <c r="BM48" s="129">
        <v>631680000</v>
      </c>
      <c r="BN48" s="129">
        <v>3814</v>
      </c>
      <c r="BO48" s="129">
        <v>289331300</v>
      </c>
      <c r="BP48" s="129">
        <v>18</v>
      </c>
      <c r="BQ48" s="129">
        <v>3396900</v>
      </c>
      <c r="BR48" s="129">
        <v>11859</v>
      </c>
      <c r="BS48" s="129">
        <v>350125474</v>
      </c>
      <c r="BT48" s="138">
        <v>38384</v>
      </c>
      <c r="BU48" s="139">
        <v>5458399193</v>
      </c>
      <c r="BV48" s="140">
        <v>38379359</v>
      </c>
      <c r="BW48" s="141">
        <v>753875721086</v>
      </c>
      <c r="CA48" s="49" t="e">
        <v>#REF!</v>
      </c>
    </row>
    <row r="49" spans="6:27" s="9" customFormat="1" ht="10.5" customHeight="1" x14ac:dyDescent="0.15">
      <c r="F49" s="102"/>
      <c r="G49" s="102"/>
      <c r="H49" s="102"/>
      <c r="I49" s="102"/>
      <c r="J49" s="102"/>
      <c r="K49" s="102"/>
      <c r="L49" s="102"/>
      <c r="M49" s="102"/>
      <c r="N49" s="102"/>
      <c r="O49" s="9" t="s">
        <v>105</v>
      </c>
      <c r="Q49" s="102"/>
      <c r="R49" s="102"/>
      <c r="S49" s="102"/>
      <c r="T49" s="102"/>
      <c r="U49" s="102"/>
      <c r="V49" s="102"/>
      <c r="W49" s="102"/>
      <c r="X49" s="102"/>
      <c r="Y49" s="102"/>
      <c r="Z49" s="102"/>
      <c r="AA49" s="102"/>
    </row>
  </sheetData>
  <mergeCells count="62">
    <mergeCell ref="A3:B6"/>
    <mergeCell ref="O3:P6"/>
    <mergeCell ref="Q3:AA3"/>
    <mergeCell ref="AB3:AC6"/>
    <mergeCell ref="AD3:AT3"/>
    <mergeCell ref="N1:N2"/>
    <mergeCell ref="AA1:AA2"/>
    <mergeCell ref="AR1:AR2"/>
    <mergeCell ref="BG1:BG2"/>
    <mergeCell ref="BW1:BW2"/>
    <mergeCell ref="AG5:AH5"/>
    <mergeCell ref="BH3:BI6"/>
    <mergeCell ref="BJ3:BU4"/>
    <mergeCell ref="BV3:BW5"/>
    <mergeCell ref="Q4:S5"/>
    <mergeCell ref="T4:V5"/>
    <mergeCell ref="W4:Y5"/>
    <mergeCell ref="Z4:AA5"/>
    <mergeCell ref="AD4:AD5"/>
    <mergeCell ref="AE4:AT4"/>
    <mergeCell ref="AW4:AX5"/>
    <mergeCell ref="AU3:AV6"/>
    <mergeCell ref="AW3:AX3"/>
    <mergeCell ref="AY3:AZ5"/>
    <mergeCell ref="BA3:BC4"/>
    <mergeCell ref="BD3:BE5"/>
    <mergeCell ref="C5:E5"/>
    <mergeCell ref="F5:H5"/>
    <mergeCell ref="I5:K5"/>
    <mergeCell ref="L5:N5"/>
    <mergeCell ref="AE5:AF5"/>
    <mergeCell ref="BT5:BU5"/>
    <mergeCell ref="AI5:AJ5"/>
    <mergeCell ref="AK5:AL5"/>
    <mergeCell ref="AM5:AN5"/>
    <mergeCell ref="AO5:AP5"/>
    <mergeCell ref="AQ5:AR5"/>
    <mergeCell ref="AS5:AT5"/>
    <mergeCell ref="BF3:BG5"/>
    <mergeCell ref="BA5:BA6"/>
    <mergeCell ref="BB5:BB6"/>
    <mergeCell ref="BC5:BC6"/>
    <mergeCell ref="BJ5:BK5"/>
    <mergeCell ref="BL5:BM5"/>
    <mergeCell ref="BN5:BO5"/>
    <mergeCell ref="BP5:BQ5"/>
    <mergeCell ref="BR5:BS5"/>
    <mergeCell ref="A47:B47"/>
    <mergeCell ref="O47:P47"/>
    <mergeCell ref="AB47:AC47"/>
    <mergeCell ref="AU47:AV47"/>
    <mergeCell ref="BH47:BI47"/>
    <mergeCell ref="A40:B40"/>
    <mergeCell ref="O40:P40"/>
    <mergeCell ref="AB40:AC40"/>
    <mergeCell ref="AU40:AV40"/>
    <mergeCell ref="BH40:BI40"/>
    <mergeCell ref="A48:B48"/>
    <mergeCell ref="O48:P48"/>
    <mergeCell ref="AB48:AC48"/>
    <mergeCell ref="AU48:AV48"/>
    <mergeCell ref="BH48:BI48"/>
  </mergeCells>
  <phoneticPr fontId="2"/>
  <printOptions verticalCentered="1"/>
  <pageMargins left="0.7" right="0.7" top="0.75" bottom="0.75" header="0.3" footer="0.3"/>
  <pageSetup paperSize="9" scale="82" orientation="landscape" blackAndWhite="1" r:id="rId1"/>
  <headerFooter alignWithMargins="0"/>
  <colBreaks count="4" manualBreakCount="4">
    <brk id="14" max="48" man="1"/>
    <brk id="27" max="48" man="1"/>
    <brk id="46" max="1048575" man="1"/>
    <brk id="59" max="4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15表１～５</vt:lpstr>
      <vt:lpstr>'第15表１～５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5:53:33Z</cp:lastPrinted>
  <dcterms:created xsi:type="dcterms:W3CDTF">2018-03-07T05:41:32Z</dcterms:created>
  <dcterms:modified xsi:type="dcterms:W3CDTF">2018-03-08T05:53:47Z</dcterms:modified>
</cp:coreProperties>
</file>